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4"/>
    <p:sldMasterId id="2147483683" r:id="rId5"/>
    <p:sldMasterId id="2147483671" r:id="rId6"/>
  </p:sldMasterIdLst>
  <p:notesMasterIdLst>
    <p:notesMasterId r:id="rId18"/>
  </p:notesMasterIdLst>
  <p:handoutMasterIdLst>
    <p:handoutMasterId r:id="rId19"/>
  </p:handoutMasterIdLst>
  <p:sldIdLst>
    <p:sldId id="289" r:id="rId7"/>
    <p:sldId id="291" r:id="rId8"/>
    <p:sldId id="301" r:id="rId9"/>
    <p:sldId id="300" r:id="rId10"/>
    <p:sldId id="303" r:id="rId11"/>
    <p:sldId id="299" r:id="rId12"/>
    <p:sldId id="302" r:id="rId13"/>
    <p:sldId id="304" r:id="rId14"/>
    <p:sldId id="305" r:id="rId15"/>
    <p:sldId id="293" r:id="rId16"/>
    <p:sldId id="294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arah Howdeshelt" initials="SH" lastIdx="1" clrIdx="0">
    <p:extLst>
      <p:ext uri="{19B8F6BF-5375-455C-9EA6-DF929625EA0E}">
        <p15:presenceInfo xmlns:p15="http://schemas.microsoft.com/office/powerpoint/2012/main" userId="S::sarah.howdeshelt@AES.COM::25d21bd7-ebcf-4388-bb55-1c89905b941f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9961332-75E8-4DD4-B0C2-F338752EA529}" v="19" dt="2025-09-24T18:41:23.41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9" d="100"/>
          <a:sy n="109" d="100"/>
        </p:scale>
        <p:origin x="636" y="31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notesMaster" Target="notesMasters/notesMaster1.xml"/><Relationship Id="rId26" Type="http://schemas.microsoft.com/office/2015/10/relationships/revisionInfo" Target="revisionInfo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commentAuthors" Target="commentAuthor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theme" Target="theme/theme1.xml"/><Relationship Id="rId10" Type="http://schemas.openxmlformats.org/officeDocument/2006/relationships/slide" Target="slides/slide4.xml"/><Relationship Id="rId19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Pamela Archer" userId="b8a986d9-acde-4660-ac44-a8afacb958af" providerId="ADAL" clId="{CF5B3A77-B9B7-4A78-8AD4-30F499AD545D}"/>
    <pc:docChg chg="undo custSel addSld delSld modSld">
      <pc:chgData name="Pamela Archer" userId="b8a986d9-acde-4660-ac44-a8afacb958af" providerId="ADAL" clId="{CF5B3A77-B9B7-4A78-8AD4-30F499AD545D}" dt="2025-09-24T18:42:55.798" v="115" actId="14100"/>
      <pc:docMkLst>
        <pc:docMk/>
      </pc:docMkLst>
      <pc:sldChg chg="addSp delSp modSp del mod modClrScheme chgLayout">
        <pc:chgData name="Pamela Archer" userId="b8a986d9-acde-4660-ac44-a8afacb958af" providerId="ADAL" clId="{CF5B3A77-B9B7-4A78-8AD4-30F499AD545D}" dt="2025-09-24T13:16:32.344" v="79" actId="2696"/>
        <pc:sldMkLst>
          <pc:docMk/>
          <pc:sldMk cId="2038277170" sldId="295"/>
        </pc:sldMkLst>
        <pc:spChg chg="mod">
          <ac:chgData name="Pamela Archer" userId="b8a986d9-acde-4660-ac44-a8afacb958af" providerId="ADAL" clId="{CF5B3A77-B9B7-4A78-8AD4-30F499AD545D}" dt="2025-09-24T13:13:58.107" v="71" actId="26606"/>
          <ac:spMkLst>
            <pc:docMk/>
            <pc:sldMk cId="2038277170" sldId="295"/>
            <ac:spMk id="4" creationId="{20682E74-679B-0941-9133-8773C7E3FCEF}"/>
          </ac:spMkLst>
        </pc:spChg>
        <pc:spChg chg="add del mod">
          <ac:chgData name="Pamela Archer" userId="b8a986d9-acde-4660-ac44-a8afacb958af" providerId="ADAL" clId="{CF5B3A77-B9B7-4A78-8AD4-30F499AD545D}" dt="2025-09-24T13:14:20.775" v="72" actId="21"/>
          <ac:spMkLst>
            <pc:docMk/>
            <pc:sldMk cId="2038277170" sldId="295"/>
            <ac:spMk id="9" creationId="{6A7077DD-A598-1827-8F99-264A7DCC6082}"/>
          </ac:spMkLst>
        </pc:spChg>
        <pc:spChg chg="add mod">
          <ac:chgData name="Pamela Archer" userId="b8a986d9-acde-4660-ac44-a8afacb958af" providerId="ADAL" clId="{CF5B3A77-B9B7-4A78-8AD4-30F499AD545D}" dt="2025-09-24T13:13:58.107" v="71" actId="26606"/>
          <ac:spMkLst>
            <pc:docMk/>
            <pc:sldMk cId="2038277170" sldId="295"/>
            <ac:spMk id="11" creationId="{CDF17D4C-1894-82F2-660B-148519F3A29C}"/>
          </ac:spMkLst>
        </pc:spChg>
        <pc:graphicFrameChg chg="del">
          <ac:chgData name="Pamela Archer" userId="b8a986d9-acde-4660-ac44-a8afacb958af" providerId="ADAL" clId="{CF5B3A77-B9B7-4A78-8AD4-30F499AD545D}" dt="2025-09-24T12:34:14.535" v="0" actId="21"/>
          <ac:graphicFrameMkLst>
            <pc:docMk/>
            <pc:sldMk cId="2038277170" sldId="295"/>
            <ac:graphicFrameMk id="2" creationId="{2687082B-E785-4249-8AB1-4D8F3EEF0F3E}"/>
          </ac:graphicFrameMkLst>
        </pc:graphicFrameChg>
        <pc:graphicFrameChg chg="add del mod">
          <ac:chgData name="Pamela Archer" userId="b8a986d9-acde-4660-ac44-a8afacb958af" providerId="ADAL" clId="{CF5B3A77-B9B7-4A78-8AD4-30F499AD545D}" dt="2025-09-24T13:02:12.832" v="63" actId="478"/>
          <ac:graphicFrameMkLst>
            <pc:docMk/>
            <pc:sldMk cId="2038277170" sldId="295"/>
            <ac:graphicFrameMk id="2" creationId="{FA75378D-677F-C47B-8D9C-190CDDE787C6}"/>
          </ac:graphicFrameMkLst>
        </pc:graphicFrameChg>
        <pc:graphicFrameChg chg="add del mod modGraphic">
          <ac:chgData name="Pamela Archer" userId="b8a986d9-acde-4660-ac44-a8afacb958af" providerId="ADAL" clId="{CF5B3A77-B9B7-4A78-8AD4-30F499AD545D}" dt="2025-09-24T12:36:31.855" v="8" actId="21"/>
          <ac:graphicFrameMkLst>
            <pc:docMk/>
            <pc:sldMk cId="2038277170" sldId="295"/>
            <ac:graphicFrameMk id="3" creationId="{17F07FC9-05C0-7414-BB92-74310D3CF5AA}"/>
          </ac:graphicFrameMkLst>
        </pc:graphicFrameChg>
        <pc:graphicFrameChg chg="add del mod modGraphic">
          <ac:chgData name="Pamela Archer" userId="b8a986d9-acde-4660-ac44-a8afacb958af" providerId="ADAL" clId="{CF5B3A77-B9B7-4A78-8AD4-30F499AD545D}" dt="2025-09-24T13:14:55.407" v="73" actId="478"/>
          <ac:graphicFrameMkLst>
            <pc:docMk/>
            <pc:sldMk cId="2038277170" sldId="295"/>
            <ac:graphicFrameMk id="3" creationId="{968C84FD-0A49-A608-4166-8CC430B3A139}"/>
          </ac:graphicFrameMkLst>
        </pc:graphicFrameChg>
        <pc:graphicFrameChg chg="add del mod modGraphic">
          <ac:chgData name="Pamela Archer" userId="b8a986d9-acde-4660-ac44-a8afacb958af" providerId="ADAL" clId="{CF5B3A77-B9B7-4A78-8AD4-30F499AD545D}" dt="2025-09-24T12:37:33.158" v="12" actId="21"/>
          <ac:graphicFrameMkLst>
            <pc:docMk/>
            <pc:sldMk cId="2038277170" sldId="295"/>
            <ac:graphicFrameMk id="5" creationId="{CE768960-DF00-8F95-635F-03602C747292}"/>
          </ac:graphicFrameMkLst>
        </pc:graphicFrameChg>
        <pc:graphicFrameChg chg="add mod modGraphic">
          <ac:chgData name="Pamela Archer" userId="b8a986d9-acde-4660-ac44-a8afacb958af" providerId="ADAL" clId="{CF5B3A77-B9B7-4A78-8AD4-30F499AD545D}" dt="2025-09-24T13:15:51.916" v="77" actId="14100"/>
          <ac:graphicFrameMkLst>
            <pc:docMk/>
            <pc:sldMk cId="2038277170" sldId="295"/>
            <ac:graphicFrameMk id="5" creationId="{D39C8B6F-CFBB-08E4-E925-58087EDFD006}"/>
          </ac:graphicFrameMkLst>
        </pc:graphicFrameChg>
        <pc:graphicFrameChg chg="add del mod modGraphic">
          <ac:chgData name="Pamela Archer" userId="b8a986d9-acde-4660-ac44-a8afacb958af" providerId="ADAL" clId="{CF5B3A77-B9B7-4A78-8AD4-30F499AD545D}" dt="2025-09-24T12:41:57.874" v="21" actId="21"/>
          <ac:graphicFrameMkLst>
            <pc:docMk/>
            <pc:sldMk cId="2038277170" sldId="295"/>
            <ac:graphicFrameMk id="6" creationId="{1F13CDC8-7FAC-7CC0-DEC2-2F78581A2C33}"/>
          </ac:graphicFrameMkLst>
        </pc:graphicFrameChg>
        <pc:graphicFrameChg chg="add del mod modGraphic">
          <ac:chgData name="Pamela Archer" userId="b8a986d9-acde-4660-ac44-a8afacb958af" providerId="ADAL" clId="{CF5B3A77-B9B7-4A78-8AD4-30F499AD545D}" dt="2025-09-24T12:50:26.722" v="54" actId="478"/>
          <ac:graphicFrameMkLst>
            <pc:docMk/>
            <pc:sldMk cId="2038277170" sldId="295"/>
            <ac:graphicFrameMk id="7" creationId="{B066B9BB-493D-6365-AFD7-98EB34BF09D9}"/>
          </ac:graphicFrameMkLst>
        </pc:graphicFrameChg>
      </pc:sldChg>
      <pc:sldChg chg="modSp new del mod">
        <pc:chgData name="Pamela Archer" userId="b8a986d9-acde-4660-ac44-a8afacb958af" providerId="ADAL" clId="{CF5B3A77-B9B7-4A78-8AD4-30F499AD545D}" dt="2025-09-24T12:48:49.934" v="42" actId="680"/>
        <pc:sldMkLst>
          <pc:docMk/>
          <pc:sldMk cId="1004586877" sldId="304"/>
        </pc:sldMkLst>
        <pc:spChg chg="mod">
          <ac:chgData name="Pamela Archer" userId="b8a986d9-acde-4660-ac44-a8afacb958af" providerId="ADAL" clId="{CF5B3A77-B9B7-4A78-8AD4-30F499AD545D}" dt="2025-09-24T12:48:49.406" v="41"/>
          <ac:spMkLst>
            <pc:docMk/>
            <pc:sldMk cId="1004586877" sldId="304"/>
            <ac:spMk id="2" creationId="{86D2E90C-09B6-847C-D42D-FDA7853B6884}"/>
          </ac:spMkLst>
        </pc:spChg>
        <pc:spChg chg="mod">
          <ac:chgData name="Pamela Archer" userId="b8a986d9-acde-4660-ac44-a8afacb958af" providerId="ADAL" clId="{CF5B3A77-B9B7-4A78-8AD4-30F499AD545D}" dt="2025-09-24T12:48:05.006" v="33"/>
          <ac:spMkLst>
            <pc:docMk/>
            <pc:sldMk cId="1004586877" sldId="304"/>
            <ac:spMk id="3" creationId="{B8F1A93F-771D-4FA8-905F-52A695DF1F96}"/>
          </ac:spMkLst>
        </pc:spChg>
      </pc:sldChg>
      <pc:sldChg chg="addSp delSp modSp add mod">
        <pc:chgData name="Pamela Archer" userId="b8a986d9-acde-4660-ac44-a8afacb958af" providerId="ADAL" clId="{CF5B3A77-B9B7-4A78-8AD4-30F499AD545D}" dt="2025-09-24T18:42:36.304" v="114" actId="14100"/>
        <pc:sldMkLst>
          <pc:docMk/>
          <pc:sldMk cId="2754110841" sldId="304"/>
        </pc:sldMkLst>
        <pc:spChg chg="mod">
          <ac:chgData name="Pamela Archer" userId="b8a986d9-acde-4660-ac44-a8afacb958af" providerId="ADAL" clId="{CF5B3A77-B9B7-4A78-8AD4-30F499AD545D}" dt="2025-09-24T13:16:46.446" v="88" actId="20577"/>
          <ac:spMkLst>
            <pc:docMk/>
            <pc:sldMk cId="2754110841" sldId="304"/>
            <ac:spMk id="4" creationId="{38D40EF3-B83B-7898-0DC7-E857B1100D5B}"/>
          </ac:spMkLst>
        </pc:spChg>
        <pc:graphicFrameChg chg="add mod modGraphic">
          <ac:chgData name="Pamela Archer" userId="b8a986d9-acde-4660-ac44-a8afacb958af" providerId="ADAL" clId="{CF5B3A77-B9B7-4A78-8AD4-30F499AD545D}" dt="2025-09-24T18:42:36.304" v="114" actId="14100"/>
          <ac:graphicFrameMkLst>
            <pc:docMk/>
            <pc:sldMk cId="2754110841" sldId="304"/>
            <ac:graphicFrameMk id="2" creationId="{394A7BB4-CF4D-E01A-10FA-42A485E3636A}"/>
          </ac:graphicFrameMkLst>
        </pc:graphicFrameChg>
        <pc:graphicFrameChg chg="add del mod modGraphic">
          <ac:chgData name="Pamela Archer" userId="b8a986d9-acde-4660-ac44-a8afacb958af" providerId="ADAL" clId="{CF5B3A77-B9B7-4A78-8AD4-30F499AD545D}" dt="2025-09-24T13:01:47.899" v="62" actId="21"/>
          <ac:graphicFrameMkLst>
            <pc:docMk/>
            <pc:sldMk cId="2754110841" sldId="304"/>
            <ac:graphicFrameMk id="2" creationId="{3D3F93F3-A168-884C-7FD3-7A82538E9B39}"/>
          </ac:graphicFrameMkLst>
        </pc:graphicFrameChg>
        <pc:graphicFrameChg chg="add del mod modGraphic">
          <ac:chgData name="Pamela Archer" userId="b8a986d9-acde-4660-ac44-a8afacb958af" providerId="ADAL" clId="{CF5B3A77-B9B7-4A78-8AD4-30F499AD545D}" dt="2025-09-24T13:17:17.181" v="89" actId="478"/>
          <ac:graphicFrameMkLst>
            <pc:docMk/>
            <pc:sldMk cId="2754110841" sldId="304"/>
            <ac:graphicFrameMk id="3" creationId="{3438F924-718C-BDD6-21EB-82C289172FF1}"/>
          </ac:graphicFrameMkLst>
        </pc:graphicFrameChg>
        <pc:graphicFrameChg chg="add del mod modGraphic">
          <ac:chgData name="Pamela Archer" userId="b8a986d9-acde-4660-ac44-a8afacb958af" providerId="ADAL" clId="{CF5B3A77-B9B7-4A78-8AD4-30F499AD545D}" dt="2025-09-24T18:04:49.977" v="95" actId="478"/>
          <ac:graphicFrameMkLst>
            <pc:docMk/>
            <pc:sldMk cId="2754110841" sldId="304"/>
            <ac:graphicFrameMk id="5" creationId="{CA120819-8266-C0F1-F581-EF93A2759517}"/>
          </ac:graphicFrameMkLst>
        </pc:graphicFrameChg>
        <pc:graphicFrameChg chg="del">
          <ac:chgData name="Pamela Archer" userId="b8a986d9-acde-4660-ac44-a8afacb958af" providerId="ADAL" clId="{CF5B3A77-B9B7-4A78-8AD4-30F499AD545D}" dt="2025-09-24T12:51:07.263" v="55" actId="478"/>
          <ac:graphicFrameMkLst>
            <pc:docMk/>
            <pc:sldMk cId="2754110841" sldId="304"/>
            <ac:graphicFrameMk id="7" creationId="{A3DDE4FE-7654-72E0-1713-91DD88E14DEA}"/>
          </ac:graphicFrameMkLst>
        </pc:graphicFrameChg>
      </pc:sldChg>
      <pc:sldChg chg="addSp delSp modSp add mod">
        <pc:chgData name="Pamela Archer" userId="b8a986d9-acde-4660-ac44-a8afacb958af" providerId="ADAL" clId="{CF5B3A77-B9B7-4A78-8AD4-30F499AD545D}" dt="2025-09-24T18:42:55.798" v="115" actId="14100"/>
        <pc:sldMkLst>
          <pc:docMk/>
          <pc:sldMk cId="3045251196" sldId="305"/>
        </pc:sldMkLst>
        <pc:graphicFrameChg chg="add mod modGraphic">
          <ac:chgData name="Pamela Archer" userId="b8a986d9-acde-4660-ac44-a8afacb958af" providerId="ADAL" clId="{CF5B3A77-B9B7-4A78-8AD4-30F499AD545D}" dt="2025-09-24T18:42:55.798" v="115" actId="14100"/>
          <ac:graphicFrameMkLst>
            <pc:docMk/>
            <pc:sldMk cId="3045251196" sldId="305"/>
            <ac:graphicFrameMk id="2" creationId="{25DB3929-D295-6D65-C580-655988431F7C}"/>
          </ac:graphicFrameMkLst>
        </pc:graphicFrameChg>
        <pc:graphicFrameChg chg="add mod">
          <ac:chgData name="Pamela Archer" userId="b8a986d9-acde-4660-ac44-a8afacb958af" providerId="ADAL" clId="{CF5B3A77-B9B7-4A78-8AD4-30F499AD545D}" dt="2025-09-24T18:06:36.061" v="102"/>
          <ac:graphicFrameMkLst>
            <pc:docMk/>
            <pc:sldMk cId="3045251196" sldId="305"/>
            <ac:graphicFrameMk id="2" creationId="{87BB1DBF-18BA-CFBD-3D5B-613AD635FD1A}"/>
          </ac:graphicFrameMkLst>
        </pc:graphicFrameChg>
        <pc:graphicFrameChg chg="del">
          <ac:chgData name="Pamela Archer" userId="b8a986d9-acde-4660-ac44-a8afacb958af" providerId="ADAL" clId="{CF5B3A77-B9B7-4A78-8AD4-30F499AD545D}" dt="2025-09-24T18:03:16.108" v="94" actId="478"/>
          <ac:graphicFrameMkLst>
            <pc:docMk/>
            <pc:sldMk cId="3045251196" sldId="305"/>
            <ac:graphicFrameMk id="3" creationId="{F1B0A046-C593-99D7-F5BC-DE6E4917B993}"/>
          </ac:graphicFrameMkLst>
        </pc:graphicFrameChg>
        <pc:graphicFrameChg chg="add del mod modGraphic">
          <ac:chgData name="Pamela Archer" userId="b8a986d9-acde-4660-ac44-a8afacb958af" providerId="ADAL" clId="{CF5B3A77-B9B7-4A78-8AD4-30F499AD545D}" dt="2025-09-24T18:40:54.910" v="107" actId="478"/>
          <ac:graphicFrameMkLst>
            <pc:docMk/>
            <pc:sldMk cId="3045251196" sldId="305"/>
            <ac:graphicFrameMk id="5" creationId="{CF6171A6-3687-B103-FB4A-1D038D8D43EC}"/>
          </ac:graphicFrameMkLst>
        </pc:graphicFrameChg>
      </pc:sld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7437755-4E8B-4120-9042-FB8F5775821E}" type="doc">
      <dgm:prSet loTypeId="urn:microsoft.com/office/officeart/2005/8/layout/hierarchy3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8FE5F89-0222-42C3-84DB-19931153E771}">
      <dgm:prSet phldrT="[Text]" phldr="0"/>
      <dgm:spPr/>
      <dgm:t>
        <a:bodyPr/>
        <a:lstStyle/>
        <a:p>
          <a:r>
            <a:rPr lang="en-US" dirty="0">
              <a:latin typeface="Arial" panose="020B0604020202020204" pitchFamily="34" charset="0"/>
              <a:cs typeface="Arial" panose="020B0604020202020204" pitchFamily="34" charset="0"/>
            </a:rPr>
            <a:t>2023 Corrections</a:t>
          </a:r>
        </a:p>
      </dgm:t>
    </dgm:pt>
    <dgm:pt modelId="{76B1F768-1786-48AB-8644-CC87C4BBBEED}" type="parTrans" cxnId="{6C5AF8C3-4A25-4CE5-9B6D-CA732712825E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547D606-43C3-413D-BC03-28004884FCD1}" type="sibTrans" cxnId="{6C5AF8C3-4A25-4CE5-9B6D-CA732712825E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56E8985-8808-4762-849C-75E994D13F2F}">
      <dgm:prSet phldrT="[Text]" phldr="0"/>
      <dgm:spPr/>
      <dgm:t>
        <a:bodyPr/>
        <a:lstStyle/>
        <a:p>
          <a:r>
            <a:rPr lang="en-US" dirty="0">
              <a:latin typeface="Arial" panose="020B0604020202020204" pitchFamily="34" charset="0"/>
              <a:cs typeface="Arial" panose="020B0604020202020204" pitchFamily="34" charset="0"/>
            </a:rPr>
            <a:t>Remove Creekside Project from CWIP effective October 2023 as project on hold</a:t>
          </a:r>
        </a:p>
      </dgm:t>
    </dgm:pt>
    <dgm:pt modelId="{02288A35-93F9-451D-8D81-87B79ADB25DC}" type="parTrans" cxnId="{A8F492DA-3E22-44B1-9709-43F2517E5890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E3F7CEB-BBF1-48D0-96F8-BEC924309455}" type="sibTrans" cxnId="{A8F492DA-3E22-44B1-9709-43F2517E5890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156DF94-A659-4E93-88CB-3BC6729B9C6C}">
      <dgm:prSet phldrT="[Text]" phldr="0"/>
      <dgm:spPr/>
      <dgm:t>
        <a:bodyPr/>
        <a:lstStyle/>
        <a:p>
          <a:r>
            <a:rPr lang="en-US" dirty="0">
              <a:latin typeface="Arial" panose="020B0604020202020204" pitchFamily="34" charset="0"/>
              <a:cs typeface="Arial" panose="020B0604020202020204" pitchFamily="34" charset="0"/>
            </a:rPr>
            <a:t>Correct A&amp;G to decrease T and increase D by $1.3 M</a:t>
          </a:r>
        </a:p>
      </dgm:t>
    </dgm:pt>
    <dgm:pt modelId="{3B4C6865-13DA-4743-976C-C9F531FFDC66}" type="parTrans" cxnId="{29867A3A-D402-410B-B05E-D940E2CC434D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A7107AA-6AFD-47D3-8FF7-56C00ABB8AC9}" type="sibTrans" cxnId="{29867A3A-D402-410B-B05E-D940E2CC434D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84B2CD41-86EA-4094-BD71-531B92EF16BE}">
      <dgm:prSet phldrT="[Text]" phldr="0"/>
      <dgm:spPr/>
      <dgm:t>
        <a:bodyPr/>
        <a:lstStyle/>
        <a:p>
          <a:r>
            <a:rPr lang="en-US" dirty="0">
              <a:latin typeface="Arial" panose="020B0604020202020204" pitchFamily="34" charset="0"/>
              <a:cs typeface="Arial" panose="020B0604020202020204" pitchFamily="34" charset="0"/>
            </a:rPr>
            <a:t>2024 Corrections</a:t>
          </a:r>
        </a:p>
      </dgm:t>
    </dgm:pt>
    <dgm:pt modelId="{D496CEC6-8657-4A8A-BBA3-3EF57E8C3752}" type="parTrans" cxnId="{512E298C-FDED-43D4-B16A-76338F6A7FD9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53CFCC1-A4FF-4C6C-B7E4-62DA824050D3}" type="sibTrans" cxnId="{512E298C-FDED-43D4-B16A-76338F6A7FD9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2802AC8-46AA-47B8-8FDF-03CECEF20E68}">
      <dgm:prSet phldrT="[Text]" phldr="0"/>
      <dgm:spPr/>
      <dgm:t>
        <a:bodyPr/>
        <a:lstStyle/>
        <a:p>
          <a:r>
            <a:rPr lang="en-US" dirty="0">
              <a:latin typeface="Arial" panose="020B0604020202020204" pitchFamily="34" charset="0"/>
              <a:cs typeface="Arial" panose="020B0604020202020204" pitchFamily="34" charset="0"/>
            </a:rPr>
            <a:t>Move large transformer investment from CWIP (not in rate base) and include in Transmission Gross Plant</a:t>
          </a:r>
        </a:p>
      </dgm:t>
    </dgm:pt>
    <dgm:pt modelId="{F5F0DEF3-DC5B-44D5-9CB5-68FF91C536C1}" type="parTrans" cxnId="{DB870F4C-12D7-4996-9BCE-F7CCA36A8B2D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9010F3F3-29A4-4207-B8C9-97950DC9AF31}" type="sibTrans" cxnId="{DB870F4C-12D7-4996-9BCE-F7CCA36A8B2D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9082A73D-57CA-4303-9DBD-ABFC630EFD26}">
      <dgm:prSet phldrT="[Text]"/>
      <dgm:spPr/>
      <dgm:t>
        <a:bodyPr/>
        <a:lstStyle/>
        <a:p>
          <a:r>
            <a:rPr lang="en-US" dirty="0">
              <a:latin typeface="Arial" panose="020B0604020202020204" pitchFamily="34" charset="0"/>
              <a:cs typeface="Arial" panose="020B0604020202020204" pitchFamily="34" charset="0"/>
            </a:rPr>
            <a:t>Correct A&amp;G to increase T and decrease D by $0.9 M</a:t>
          </a:r>
        </a:p>
      </dgm:t>
    </dgm:pt>
    <dgm:pt modelId="{5AF5E035-8605-4975-8594-5C2DF723BFCB}" type="parTrans" cxnId="{E5D5A45C-6DD2-48BE-81E3-BFE2C90664AF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916F6AFA-5E8A-424C-AFA6-E79E2BACB0D4}" type="sibTrans" cxnId="{E5D5A45C-6DD2-48BE-81E3-BFE2C90664AF}">
      <dgm:prSet/>
      <dgm:spPr/>
      <dgm:t>
        <a:bodyPr/>
        <a:lstStyle/>
        <a:p>
          <a:endParaRPr lang="en-US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D0419FD-716B-453C-A5F2-7266C107F2AE}" type="pres">
      <dgm:prSet presAssocID="{57437755-4E8B-4120-9042-FB8F5775821E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7D791245-8335-40B0-814D-1C801BCE21AD}" type="pres">
      <dgm:prSet presAssocID="{08FE5F89-0222-42C3-84DB-19931153E771}" presName="root" presStyleCnt="0"/>
      <dgm:spPr/>
    </dgm:pt>
    <dgm:pt modelId="{27ABC1D2-E3B5-4F35-9002-5A14A798E2DD}" type="pres">
      <dgm:prSet presAssocID="{08FE5F89-0222-42C3-84DB-19931153E771}" presName="rootComposite" presStyleCnt="0"/>
      <dgm:spPr/>
    </dgm:pt>
    <dgm:pt modelId="{02A29C3B-E9A0-41E7-AFA6-EFD91004714E}" type="pres">
      <dgm:prSet presAssocID="{08FE5F89-0222-42C3-84DB-19931153E771}" presName="rootText" presStyleLbl="node1" presStyleIdx="0" presStyleCnt="2"/>
      <dgm:spPr/>
    </dgm:pt>
    <dgm:pt modelId="{9F8305BA-8A27-4267-A94B-881FB4E9F429}" type="pres">
      <dgm:prSet presAssocID="{08FE5F89-0222-42C3-84DB-19931153E771}" presName="rootConnector" presStyleLbl="node1" presStyleIdx="0" presStyleCnt="2"/>
      <dgm:spPr/>
    </dgm:pt>
    <dgm:pt modelId="{75F20B37-E8B4-434D-A855-31D19DA064EF}" type="pres">
      <dgm:prSet presAssocID="{08FE5F89-0222-42C3-84DB-19931153E771}" presName="childShape" presStyleCnt="0"/>
      <dgm:spPr/>
    </dgm:pt>
    <dgm:pt modelId="{77407ACA-1EF6-4C08-B1F9-6E140994603D}" type="pres">
      <dgm:prSet presAssocID="{02288A35-93F9-451D-8D81-87B79ADB25DC}" presName="Name13" presStyleLbl="parChTrans1D2" presStyleIdx="0" presStyleCnt="4"/>
      <dgm:spPr/>
    </dgm:pt>
    <dgm:pt modelId="{08DE3015-E1F4-4DFB-AEBB-B460BC433C28}" type="pres">
      <dgm:prSet presAssocID="{C56E8985-8808-4762-849C-75E994D13F2F}" presName="childText" presStyleLbl="bgAcc1" presStyleIdx="0" presStyleCnt="4">
        <dgm:presLayoutVars>
          <dgm:bulletEnabled val="1"/>
        </dgm:presLayoutVars>
      </dgm:prSet>
      <dgm:spPr/>
    </dgm:pt>
    <dgm:pt modelId="{7927AC9B-3F66-45E7-B29F-6957A19D22AD}" type="pres">
      <dgm:prSet presAssocID="{3B4C6865-13DA-4743-976C-C9F531FFDC66}" presName="Name13" presStyleLbl="parChTrans1D2" presStyleIdx="1" presStyleCnt="4"/>
      <dgm:spPr/>
    </dgm:pt>
    <dgm:pt modelId="{02C97B5A-250B-48D6-91E1-6F9F4C678B15}" type="pres">
      <dgm:prSet presAssocID="{E156DF94-A659-4E93-88CB-3BC6729B9C6C}" presName="childText" presStyleLbl="bgAcc1" presStyleIdx="1" presStyleCnt="4">
        <dgm:presLayoutVars>
          <dgm:bulletEnabled val="1"/>
        </dgm:presLayoutVars>
      </dgm:prSet>
      <dgm:spPr/>
    </dgm:pt>
    <dgm:pt modelId="{88896FEC-733D-4E62-B652-DB871742E431}" type="pres">
      <dgm:prSet presAssocID="{84B2CD41-86EA-4094-BD71-531B92EF16BE}" presName="root" presStyleCnt="0"/>
      <dgm:spPr/>
    </dgm:pt>
    <dgm:pt modelId="{AFBB07C8-C4C3-491A-B994-8F6F42D3CEB4}" type="pres">
      <dgm:prSet presAssocID="{84B2CD41-86EA-4094-BD71-531B92EF16BE}" presName="rootComposite" presStyleCnt="0"/>
      <dgm:spPr/>
    </dgm:pt>
    <dgm:pt modelId="{E0E672CE-E452-413D-9503-22E34EAFDA4F}" type="pres">
      <dgm:prSet presAssocID="{84B2CD41-86EA-4094-BD71-531B92EF16BE}" presName="rootText" presStyleLbl="node1" presStyleIdx="1" presStyleCnt="2"/>
      <dgm:spPr/>
    </dgm:pt>
    <dgm:pt modelId="{E07858AD-EFF2-4623-8861-9E0AE9D8A590}" type="pres">
      <dgm:prSet presAssocID="{84B2CD41-86EA-4094-BD71-531B92EF16BE}" presName="rootConnector" presStyleLbl="node1" presStyleIdx="1" presStyleCnt="2"/>
      <dgm:spPr/>
    </dgm:pt>
    <dgm:pt modelId="{50E407B9-A566-4E1F-ACA5-A3F392BB165B}" type="pres">
      <dgm:prSet presAssocID="{84B2CD41-86EA-4094-BD71-531B92EF16BE}" presName="childShape" presStyleCnt="0"/>
      <dgm:spPr/>
    </dgm:pt>
    <dgm:pt modelId="{22869B56-AFB9-4ED5-A132-1A6EB73F450F}" type="pres">
      <dgm:prSet presAssocID="{F5F0DEF3-DC5B-44D5-9CB5-68FF91C536C1}" presName="Name13" presStyleLbl="parChTrans1D2" presStyleIdx="2" presStyleCnt="4"/>
      <dgm:spPr/>
    </dgm:pt>
    <dgm:pt modelId="{4205E792-11F6-4B49-AE14-2CA17C5C77A0}" type="pres">
      <dgm:prSet presAssocID="{02802AC8-46AA-47B8-8FDF-03CECEF20E68}" presName="childText" presStyleLbl="bgAcc1" presStyleIdx="2" presStyleCnt="4">
        <dgm:presLayoutVars>
          <dgm:bulletEnabled val="1"/>
        </dgm:presLayoutVars>
      </dgm:prSet>
      <dgm:spPr/>
    </dgm:pt>
    <dgm:pt modelId="{0B10CDCE-591A-4764-A6A9-18DF7355E1F8}" type="pres">
      <dgm:prSet presAssocID="{5AF5E035-8605-4975-8594-5C2DF723BFCB}" presName="Name13" presStyleLbl="parChTrans1D2" presStyleIdx="3" presStyleCnt="4"/>
      <dgm:spPr/>
    </dgm:pt>
    <dgm:pt modelId="{A56D7D3D-D0FC-4854-A71C-5441ACF80E28}" type="pres">
      <dgm:prSet presAssocID="{9082A73D-57CA-4303-9DBD-ABFC630EFD26}" presName="childText" presStyleLbl="bgAcc1" presStyleIdx="3" presStyleCnt="4">
        <dgm:presLayoutVars>
          <dgm:bulletEnabled val="1"/>
        </dgm:presLayoutVars>
      </dgm:prSet>
      <dgm:spPr/>
    </dgm:pt>
  </dgm:ptLst>
  <dgm:cxnLst>
    <dgm:cxn modelId="{0221180A-EF37-4737-9C01-598DACAB4A26}" type="presOf" srcId="{84B2CD41-86EA-4094-BD71-531B92EF16BE}" destId="{E0E672CE-E452-413D-9503-22E34EAFDA4F}" srcOrd="0" destOrd="0" presId="urn:microsoft.com/office/officeart/2005/8/layout/hierarchy3"/>
    <dgm:cxn modelId="{0AD5D72A-4EAB-4812-9E41-CBF4820608AE}" type="presOf" srcId="{9082A73D-57CA-4303-9DBD-ABFC630EFD26}" destId="{A56D7D3D-D0FC-4854-A71C-5441ACF80E28}" srcOrd="0" destOrd="0" presId="urn:microsoft.com/office/officeart/2005/8/layout/hierarchy3"/>
    <dgm:cxn modelId="{29867A3A-D402-410B-B05E-D940E2CC434D}" srcId="{08FE5F89-0222-42C3-84DB-19931153E771}" destId="{E156DF94-A659-4E93-88CB-3BC6729B9C6C}" srcOrd="1" destOrd="0" parTransId="{3B4C6865-13DA-4743-976C-C9F531FFDC66}" sibTransId="{6A7107AA-6AFD-47D3-8FF7-56C00ABB8AC9}"/>
    <dgm:cxn modelId="{E5D5A45C-6DD2-48BE-81E3-BFE2C90664AF}" srcId="{84B2CD41-86EA-4094-BD71-531B92EF16BE}" destId="{9082A73D-57CA-4303-9DBD-ABFC630EFD26}" srcOrd="1" destOrd="0" parTransId="{5AF5E035-8605-4975-8594-5C2DF723BFCB}" sibTransId="{916F6AFA-5E8A-424C-AFA6-E79E2BACB0D4}"/>
    <dgm:cxn modelId="{F697DD44-D67F-44EB-98FF-432BC4CB7386}" type="presOf" srcId="{08FE5F89-0222-42C3-84DB-19931153E771}" destId="{02A29C3B-E9A0-41E7-AFA6-EFD91004714E}" srcOrd="0" destOrd="0" presId="urn:microsoft.com/office/officeart/2005/8/layout/hierarchy3"/>
    <dgm:cxn modelId="{553B0E6B-242F-40BA-8AB4-BD9DD8C36128}" type="presOf" srcId="{F5F0DEF3-DC5B-44D5-9CB5-68FF91C536C1}" destId="{22869B56-AFB9-4ED5-A132-1A6EB73F450F}" srcOrd="0" destOrd="0" presId="urn:microsoft.com/office/officeart/2005/8/layout/hierarchy3"/>
    <dgm:cxn modelId="{DB870F4C-12D7-4996-9BCE-F7CCA36A8B2D}" srcId="{84B2CD41-86EA-4094-BD71-531B92EF16BE}" destId="{02802AC8-46AA-47B8-8FDF-03CECEF20E68}" srcOrd="0" destOrd="0" parTransId="{F5F0DEF3-DC5B-44D5-9CB5-68FF91C536C1}" sibTransId="{9010F3F3-29A4-4207-B8C9-97950DC9AF31}"/>
    <dgm:cxn modelId="{5A63C051-6A9F-47EB-8277-69E6005CFDDC}" type="presOf" srcId="{02802AC8-46AA-47B8-8FDF-03CECEF20E68}" destId="{4205E792-11F6-4B49-AE14-2CA17C5C77A0}" srcOrd="0" destOrd="0" presId="urn:microsoft.com/office/officeart/2005/8/layout/hierarchy3"/>
    <dgm:cxn modelId="{22DEC756-8225-4DA4-AA6F-E16F8FC7CE8C}" type="presOf" srcId="{3B4C6865-13DA-4743-976C-C9F531FFDC66}" destId="{7927AC9B-3F66-45E7-B29F-6957A19D22AD}" srcOrd="0" destOrd="0" presId="urn:microsoft.com/office/officeart/2005/8/layout/hierarchy3"/>
    <dgm:cxn modelId="{7CF28479-D010-4A93-821D-EBF675059F19}" type="presOf" srcId="{57437755-4E8B-4120-9042-FB8F5775821E}" destId="{CD0419FD-716B-453C-A5F2-7266C107F2AE}" srcOrd="0" destOrd="0" presId="urn:microsoft.com/office/officeart/2005/8/layout/hierarchy3"/>
    <dgm:cxn modelId="{07FB117F-BC25-4653-BCFD-231F878F02AC}" type="presOf" srcId="{E156DF94-A659-4E93-88CB-3BC6729B9C6C}" destId="{02C97B5A-250B-48D6-91E1-6F9F4C678B15}" srcOrd="0" destOrd="0" presId="urn:microsoft.com/office/officeart/2005/8/layout/hierarchy3"/>
    <dgm:cxn modelId="{512E298C-FDED-43D4-B16A-76338F6A7FD9}" srcId="{57437755-4E8B-4120-9042-FB8F5775821E}" destId="{84B2CD41-86EA-4094-BD71-531B92EF16BE}" srcOrd="1" destOrd="0" parTransId="{D496CEC6-8657-4A8A-BBA3-3EF57E8C3752}" sibTransId="{B53CFCC1-A4FF-4C6C-B7E4-62DA824050D3}"/>
    <dgm:cxn modelId="{4FD0A08F-0FE6-4F53-ABFB-93BAD62E4D42}" type="presOf" srcId="{84B2CD41-86EA-4094-BD71-531B92EF16BE}" destId="{E07858AD-EFF2-4623-8861-9E0AE9D8A590}" srcOrd="1" destOrd="0" presId="urn:microsoft.com/office/officeart/2005/8/layout/hierarchy3"/>
    <dgm:cxn modelId="{4CBAA5BF-8BB5-4111-BFAC-84D3BD0B6509}" type="presOf" srcId="{5AF5E035-8605-4975-8594-5C2DF723BFCB}" destId="{0B10CDCE-591A-4764-A6A9-18DF7355E1F8}" srcOrd="0" destOrd="0" presId="urn:microsoft.com/office/officeart/2005/8/layout/hierarchy3"/>
    <dgm:cxn modelId="{F1497BC1-F1EE-429A-BDD8-B38BF32F47F0}" type="presOf" srcId="{08FE5F89-0222-42C3-84DB-19931153E771}" destId="{9F8305BA-8A27-4267-A94B-881FB4E9F429}" srcOrd="1" destOrd="0" presId="urn:microsoft.com/office/officeart/2005/8/layout/hierarchy3"/>
    <dgm:cxn modelId="{6C5AF8C3-4A25-4CE5-9B6D-CA732712825E}" srcId="{57437755-4E8B-4120-9042-FB8F5775821E}" destId="{08FE5F89-0222-42C3-84DB-19931153E771}" srcOrd="0" destOrd="0" parTransId="{76B1F768-1786-48AB-8644-CC87C4BBBEED}" sibTransId="{E547D606-43C3-413D-BC03-28004884FCD1}"/>
    <dgm:cxn modelId="{A8BA03C6-CFF3-4A92-BE32-A6131C854DD0}" type="presOf" srcId="{02288A35-93F9-451D-8D81-87B79ADB25DC}" destId="{77407ACA-1EF6-4C08-B1F9-6E140994603D}" srcOrd="0" destOrd="0" presId="urn:microsoft.com/office/officeart/2005/8/layout/hierarchy3"/>
    <dgm:cxn modelId="{A8F492DA-3E22-44B1-9709-43F2517E5890}" srcId="{08FE5F89-0222-42C3-84DB-19931153E771}" destId="{C56E8985-8808-4762-849C-75E994D13F2F}" srcOrd="0" destOrd="0" parTransId="{02288A35-93F9-451D-8D81-87B79ADB25DC}" sibTransId="{0E3F7CEB-BBF1-48D0-96F8-BEC924309455}"/>
    <dgm:cxn modelId="{200A62EE-276B-4022-AA35-FEBEC57A22CF}" type="presOf" srcId="{C56E8985-8808-4762-849C-75E994D13F2F}" destId="{08DE3015-E1F4-4DFB-AEBB-B460BC433C28}" srcOrd="0" destOrd="0" presId="urn:microsoft.com/office/officeart/2005/8/layout/hierarchy3"/>
    <dgm:cxn modelId="{54C97D58-7306-4F24-88FD-5B1F2DF0D73D}" type="presParOf" srcId="{CD0419FD-716B-453C-A5F2-7266C107F2AE}" destId="{7D791245-8335-40B0-814D-1C801BCE21AD}" srcOrd="0" destOrd="0" presId="urn:microsoft.com/office/officeart/2005/8/layout/hierarchy3"/>
    <dgm:cxn modelId="{D59C4221-25F7-44E2-88EE-265124332FB6}" type="presParOf" srcId="{7D791245-8335-40B0-814D-1C801BCE21AD}" destId="{27ABC1D2-E3B5-4F35-9002-5A14A798E2DD}" srcOrd="0" destOrd="0" presId="urn:microsoft.com/office/officeart/2005/8/layout/hierarchy3"/>
    <dgm:cxn modelId="{8737FFAB-72F8-4F27-A48B-532F72ED019A}" type="presParOf" srcId="{27ABC1D2-E3B5-4F35-9002-5A14A798E2DD}" destId="{02A29C3B-E9A0-41E7-AFA6-EFD91004714E}" srcOrd="0" destOrd="0" presId="urn:microsoft.com/office/officeart/2005/8/layout/hierarchy3"/>
    <dgm:cxn modelId="{E7C22247-3D93-491F-8EA5-619F21B1776F}" type="presParOf" srcId="{27ABC1D2-E3B5-4F35-9002-5A14A798E2DD}" destId="{9F8305BA-8A27-4267-A94B-881FB4E9F429}" srcOrd="1" destOrd="0" presId="urn:microsoft.com/office/officeart/2005/8/layout/hierarchy3"/>
    <dgm:cxn modelId="{2E3B2FB5-F410-4BA2-A9B6-8F2F4B5E09DD}" type="presParOf" srcId="{7D791245-8335-40B0-814D-1C801BCE21AD}" destId="{75F20B37-E8B4-434D-A855-31D19DA064EF}" srcOrd="1" destOrd="0" presId="urn:microsoft.com/office/officeart/2005/8/layout/hierarchy3"/>
    <dgm:cxn modelId="{22679519-07DE-4647-9703-560F2CA8DDB6}" type="presParOf" srcId="{75F20B37-E8B4-434D-A855-31D19DA064EF}" destId="{77407ACA-1EF6-4C08-B1F9-6E140994603D}" srcOrd="0" destOrd="0" presId="urn:microsoft.com/office/officeart/2005/8/layout/hierarchy3"/>
    <dgm:cxn modelId="{219D5F2F-ED03-43DF-B02A-D0FFE2091937}" type="presParOf" srcId="{75F20B37-E8B4-434D-A855-31D19DA064EF}" destId="{08DE3015-E1F4-4DFB-AEBB-B460BC433C28}" srcOrd="1" destOrd="0" presId="urn:microsoft.com/office/officeart/2005/8/layout/hierarchy3"/>
    <dgm:cxn modelId="{B5E4D295-9BDC-4861-AAC0-F4EFE0CD92FE}" type="presParOf" srcId="{75F20B37-E8B4-434D-A855-31D19DA064EF}" destId="{7927AC9B-3F66-45E7-B29F-6957A19D22AD}" srcOrd="2" destOrd="0" presId="urn:microsoft.com/office/officeart/2005/8/layout/hierarchy3"/>
    <dgm:cxn modelId="{F49BF932-6567-4252-85F7-9F505DC910C7}" type="presParOf" srcId="{75F20B37-E8B4-434D-A855-31D19DA064EF}" destId="{02C97B5A-250B-48D6-91E1-6F9F4C678B15}" srcOrd="3" destOrd="0" presId="urn:microsoft.com/office/officeart/2005/8/layout/hierarchy3"/>
    <dgm:cxn modelId="{EA97927C-324B-4080-A884-F6225351AA29}" type="presParOf" srcId="{CD0419FD-716B-453C-A5F2-7266C107F2AE}" destId="{88896FEC-733D-4E62-B652-DB871742E431}" srcOrd="1" destOrd="0" presId="urn:microsoft.com/office/officeart/2005/8/layout/hierarchy3"/>
    <dgm:cxn modelId="{9215A4B1-1D90-43EE-9D6A-9B52B3E1AFC9}" type="presParOf" srcId="{88896FEC-733D-4E62-B652-DB871742E431}" destId="{AFBB07C8-C4C3-491A-B994-8F6F42D3CEB4}" srcOrd="0" destOrd="0" presId="urn:microsoft.com/office/officeart/2005/8/layout/hierarchy3"/>
    <dgm:cxn modelId="{2894DD36-9BA4-4D66-A5E2-99EC2FF8B38B}" type="presParOf" srcId="{AFBB07C8-C4C3-491A-B994-8F6F42D3CEB4}" destId="{E0E672CE-E452-413D-9503-22E34EAFDA4F}" srcOrd="0" destOrd="0" presId="urn:microsoft.com/office/officeart/2005/8/layout/hierarchy3"/>
    <dgm:cxn modelId="{FAA76A8C-787F-4B60-8E07-74325555425A}" type="presParOf" srcId="{AFBB07C8-C4C3-491A-B994-8F6F42D3CEB4}" destId="{E07858AD-EFF2-4623-8861-9E0AE9D8A590}" srcOrd="1" destOrd="0" presId="urn:microsoft.com/office/officeart/2005/8/layout/hierarchy3"/>
    <dgm:cxn modelId="{5A1A600B-3FB4-46F1-A102-B79295C4A319}" type="presParOf" srcId="{88896FEC-733D-4E62-B652-DB871742E431}" destId="{50E407B9-A566-4E1F-ACA5-A3F392BB165B}" srcOrd="1" destOrd="0" presId="urn:microsoft.com/office/officeart/2005/8/layout/hierarchy3"/>
    <dgm:cxn modelId="{64CE2E8F-2928-40FA-A355-E74CDDF1FD46}" type="presParOf" srcId="{50E407B9-A566-4E1F-ACA5-A3F392BB165B}" destId="{22869B56-AFB9-4ED5-A132-1A6EB73F450F}" srcOrd="0" destOrd="0" presId="urn:microsoft.com/office/officeart/2005/8/layout/hierarchy3"/>
    <dgm:cxn modelId="{2B7C33DE-EBCA-4EB0-ADFF-0D0D1560BB66}" type="presParOf" srcId="{50E407B9-A566-4E1F-ACA5-A3F392BB165B}" destId="{4205E792-11F6-4B49-AE14-2CA17C5C77A0}" srcOrd="1" destOrd="0" presId="urn:microsoft.com/office/officeart/2005/8/layout/hierarchy3"/>
    <dgm:cxn modelId="{AF693C15-FEA0-49F7-85F3-6A2E429A2B8B}" type="presParOf" srcId="{50E407B9-A566-4E1F-ACA5-A3F392BB165B}" destId="{0B10CDCE-591A-4764-A6A9-18DF7355E1F8}" srcOrd="2" destOrd="0" presId="urn:microsoft.com/office/officeart/2005/8/layout/hierarchy3"/>
    <dgm:cxn modelId="{7D4EA133-410F-47F4-A9C2-7E0407ECC052}" type="presParOf" srcId="{50E407B9-A566-4E1F-ACA5-A3F392BB165B}" destId="{A56D7D3D-D0FC-4854-A71C-5441ACF80E28}" srcOrd="3" destOrd="0" presId="urn:microsoft.com/office/officeart/2005/8/layout/hierarchy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2A29C3B-E9A0-41E7-AFA6-EFD91004714E}">
      <dsp:nvSpPr>
        <dsp:cNvPr id="0" name=""/>
        <dsp:cNvSpPr/>
      </dsp:nvSpPr>
      <dsp:spPr>
        <a:xfrm>
          <a:off x="2470691" y="1414"/>
          <a:ext cx="2477430" cy="1238715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43180" rIns="64770" bIns="4318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400" kern="1200" dirty="0">
              <a:latin typeface="Arial" panose="020B0604020202020204" pitchFamily="34" charset="0"/>
              <a:cs typeface="Arial" panose="020B0604020202020204" pitchFamily="34" charset="0"/>
            </a:rPr>
            <a:t>2023 Corrections</a:t>
          </a:r>
        </a:p>
      </dsp:txBody>
      <dsp:txXfrm>
        <a:off x="2506972" y="37695"/>
        <a:ext cx="2404868" cy="1166153"/>
      </dsp:txXfrm>
    </dsp:sp>
    <dsp:sp modelId="{77407ACA-1EF6-4C08-B1F9-6E140994603D}">
      <dsp:nvSpPr>
        <dsp:cNvPr id="0" name=""/>
        <dsp:cNvSpPr/>
      </dsp:nvSpPr>
      <dsp:spPr>
        <a:xfrm>
          <a:off x="2718434" y="1240129"/>
          <a:ext cx="247743" cy="92903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29036"/>
              </a:lnTo>
              <a:lnTo>
                <a:pt x="247743" y="929036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8DE3015-E1F4-4DFB-AEBB-B460BC433C28}">
      <dsp:nvSpPr>
        <dsp:cNvPr id="0" name=""/>
        <dsp:cNvSpPr/>
      </dsp:nvSpPr>
      <dsp:spPr>
        <a:xfrm>
          <a:off x="2966177" y="1549807"/>
          <a:ext cx="1981944" cy="123871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6670" tIns="17780" rIns="2667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>
              <a:latin typeface="Arial" panose="020B0604020202020204" pitchFamily="34" charset="0"/>
              <a:cs typeface="Arial" panose="020B0604020202020204" pitchFamily="34" charset="0"/>
            </a:rPr>
            <a:t>Remove Creekside Project from CWIP effective October 2023 as project on hold</a:t>
          </a:r>
        </a:p>
      </dsp:txBody>
      <dsp:txXfrm>
        <a:off x="3002458" y="1586088"/>
        <a:ext cx="1909382" cy="1166153"/>
      </dsp:txXfrm>
    </dsp:sp>
    <dsp:sp modelId="{7927AC9B-3F66-45E7-B29F-6957A19D22AD}">
      <dsp:nvSpPr>
        <dsp:cNvPr id="0" name=""/>
        <dsp:cNvSpPr/>
      </dsp:nvSpPr>
      <dsp:spPr>
        <a:xfrm>
          <a:off x="2718434" y="1240129"/>
          <a:ext cx="247743" cy="247743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77430"/>
              </a:lnTo>
              <a:lnTo>
                <a:pt x="247743" y="2477430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2C97B5A-250B-48D6-91E1-6F9F4C678B15}">
      <dsp:nvSpPr>
        <dsp:cNvPr id="0" name=""/>
        <dsp:cNvSpPr/>
      </dsp:nvSpPr>
      <dsp:spPr>
        <a:xfrm>
          <a:off x="2966177" y="3098201"/>
          <a:ext cx="1981944" cy="123871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6670" tIns="17780" rIns="2667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>
              <a:latin typeface="Arial" panose="020B0604020202020204" pitchFamily="34" charset="0"/>
              <a:cs typeface="Arial" panose="020B0604020202020204" pitchFamily="34" charset="0"/>
            </a:rPr>
            <a:t>Correct A&amp;G to decrease T and increase D by $1.3 M</a:t>
          </a:r>
        </a:p>
      </dsp:txBody>
      <dsp:txXfrm>
        <a:off x="3002458" y="3134482"/>
        <a:ext cx="1909382" cy="1166153"/>
      </dsp:txXfrm>
    </dsp:sp>
    <dsp:sp modelId="{E0E672CE-E452-413D-9503-22E34EAFDA4F}">
      <dsp:nvSpPr>
        <dsp:cNvPr id="0" name=""/>
        <dsp:cNvSpPr/>
      </dsp:nvSpPr>
      <dsp:spPr>
        <a:xfrm>
          <a:off x="5567478" y="1414"/>
          <a:ext cx="2477430" cy="1238715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43180" rIns="64770" bIns="4318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400" kern="1200" dirty="0">
              <a:latin typeface="Arial" panose="020B0604020202020204" pitchFamily="34" charset="0"/>
              <a:cs typeface="Arial" panose="020B0604020202020204" pitchFamily="34" charset="0"/>
            </a:rPr>
            <a:t>2024 Corrections</a:t>
          </a:r>
        </a:p>
      </dsp:txBody>
      <dsp:txXfrm>
        <a:off x="5603759" y="37695"/>
        <a:ext cx="2404868" cy="1166153"/>
      </dsp:txXfrm>
    </dsp:sp>
    <dsp:sp modelId="{22869B56-AFB9-4ED5-A132-1A6EB73F450F}">
      <dsp:nvSpPr>
        <dsp:cNvPr id="0" name=""/>
        <dsp:cNvSpPr/>
      </dsp:nvSpPr>
      <dsp:spPr>
        <a:xfrm>
          <a:off x="5815221" y="1240129"/>
          <a:ext cx="247743" cy="92903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29036"/>
              </a:lnTo>
              <a:lnTo>
                <a:pt x="247743" y="929036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205E792-11F6-4B49-AE14-2CA17C5C77A0}">
      <dsp:nvSpPr>
        <dsp:cNvPr id="0" name=""/>
        <dsp:cNvSpPr/>
      </dsp:nvSpPr>
      <dsp:spPr>
        <a:xfrm>
          <a:off x="6062964" y="1549807"/>
          <a:ext cx="1981944" cy="123871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6670" tIns="17780" rIns="2667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>
              <a:latin typeface="Arial" panose="020B0604020202020204" pitchFamily="34" charset="0"/>
              <a:cs typeface="Arial" panose="020B0604020202020204" pitchFamily="34" charset="0"/>
            </a:rPr>
            <a:t>Move large transformer investment from CWIP (not in rate base) and include in Transmission Gross Plant</a:t>
          </a:r>
        </a:p>
      </dsp:txBody>
      <dsp:txXfrm>
        <a:off x="6099245" y="1586088"/>
        <a:ext cx="1909382" cy="1166153"/>
      </dsp:txXfrm>
    </dsp:sp>
    <dsp:sp modelId="{0B10CDCE-591A-4764-A6A9-18DF7355E1F8}">
      <dsp:nvSpPr>
        <dsp:cNvPr id="0" name=""/>
        <dsp:cNvSpPr/>
      </dsp:nvSpPr>
      <dsp:spPr>
        <a:xfrm>
          <a:off x="5815221" y="1240129"/>
          <a:ext cx="247743" cy="247743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77430"/>
              </a:lnTo>
              <a:lnTo>
                <a:pt x="247743" y="2477430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56D7D3D-D0FC-4854-A71C-5441ACF80E28}">
      <dsp:nvSpPr>
        <dsp:cNvPr id="0" name=""/>
        <dsp:cNvSpPr/>
      </dsp:nvSpPr>
      <dsp:spPr>
        <a:xfrm>
          <a:off x="6062964" y="3098201"/>
          <a:ext cx="1981944" cy="123871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6670" tIns="17780" rIns="2667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>
              <a:latin typeface="Arial" panose="020B0604020202020204" pitchFamily="34" charset="0"/>
              <a:cs typeface="Arial" panose="020B0604020202020204" pitchFamily="34" charset="0"/>
            </a:rPr>
            <a:t>Correct A&amp;G to increase T and decrease D by $0.9 M</a:t>
          </a:r>
        </a:p>
      </dsp:txBody>
      <dsp:txXfrm>
        <a:off x="6099245" y="3134482"/>
        <a:ext cx="1909382" cy="116615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5AF616DE-C137-4493-84CD-0FE8C0A03CC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D8D2565-5410-49FB-911E-FB9D27B59CBA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1D76A71-22D9-492F-A48E-A57C2B0727D4}" type="datetimeFigureOut">
              <a:rPr lang="en-US" smtClean="0"/>
              <a:t>9/24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C14B57-408D-4EE9-BC54-83C9FED2126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8967022-F6C7-4297-9751-CBE5C2B61A7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607DF11-1CEF-4E15-B42B-CFB6CBD984B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32662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66C7F64-A655-43C2-968E-CFCC7C6751E2}" type="datetimeFigureOut">
              <a:rPr lang="en-US" smtClean="0"/>
              <a:t>9/24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C7B3866-D9BB-484E-96BA-B5572350C55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4752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3" name="Slide Image Placeholder 1">
            <a:extLst>
              <a:ext uri="{FF2B5EF4-FFF2-40B4-BE49-F238E27FC236}">
                <a16:creationId xmlns:a16="http://schemas.microsoft.com/office/drawing/2014/main" id="{36462A3B-C120-164C-9CB2-8AC3B09AFF5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38914" name="Notes Placeholder 2">
            <a:extLst>
              <a:ext uri="{FF2B5EF4-FFF2-40B4-BE49-F238E27FC236}">
                <a16:creationId xmlns:a16="http://schemas.microsoft.com/office/drawing/2014/main" id="{808AFEA2-0BED-714C-A4BE-70A0AD4148DE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r>
              <a:rPr lang="en-US" altLang="en-US">
                <a:ea typeface="ＭＳ Ｐゴシック" panose="020B0600070205080204" pitchFamily="34" charset="-128"/>
              </a:rPr>
              <a:t>Cover opt3</a:t>
            </a:r>
          </a:p>
        </p:txBody>
      </p:sp>
      <p:sp>
        <p:nvSpPr>
          <p:cNvPr id="38915" name="Slide Number Placeholder 3">
            <a:extLst>
              <a:ext uri="{FF2B5EF4-FFF2-40B4-BE49-F238E27FC236}">
                <a16:creationId xmlns:a16="http://schemas.microsoft.com/office/drawing/2014/main" id="{76B48ECD-8253-E149-A65A-6405522E1168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9DA64590-A59C-4540-AE34-80FBA647AF45}" type="slidenum">
              <a:rPr lang="en-US" altLang="en-US" sz="1200"/>
              <a:pPr eaLnBrk="1" hangingPunct="1"/>
              <a:t>1</a:t>
            </a:fld>
            <a:endParaRPr lang="en-US" altLang="en-US" sz="1200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65A3E1C8-8149-E145-A4A3-FD9167B11A0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3B06EAF0-D552-C34C-8FF6-095AEA2C7742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0C1C0D88-41EB-CD42-8344-F8B890F60DE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2</a:t>
            </a:fld>
            <a:endParaRPr lang="en-US" altLang="en-US" sz="1200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76DD4E1-1DDF-931E-8C0A-75D4C344939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3F96A9E1-96B6-35F1-E508-B6684FF23FB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A34AD5F3-9DBB-80B6-84B7-DF8985405292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F3987CC6-0BE2-9B34-0AAD-A471655C284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8</a:t>
            </a:fld>
            <a:endParaRPr lang="en-US" altLang="en-US" sz="1200"/>
          </a:p>
        </p:txBody>
      </p:sp>
    </p:spTree>
    <p:extLst>
      <p:ext uri="{BB962C8B-B14F-4D97-AF65-F5344CB8AC3E}">
        <p14:creationId xmlns:p14="http://schemas.microsoft.com/office/powerpoint/2010/main" val="38710052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CDB9172-2898-4C28-7BF9-D281FED6749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E0B170E4-97DE-4067-2DED-75608E55B57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62DFA3AB-A21D-F4DB-E63B-83D4569BB576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63666EDA-A3B9-1413-36E7-1DFD8657960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9</a:t>
            </a:fld>
            <a:endParaRPr lang="en-US" altLang="en-US" sz="1200"/>
          </a:p>
        </p:txBody>
      </p:sp>
    </p:spTree>
    <p:extLst>
      <p:ext uri="{BB962C8B-B14F-4D97-AF65-F5344CB8AC3E}">
        <p14:creationId xmlns:p14="http://schemas.microsoft.com/office/powerpoint/2010/main" val="233687323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65A3E1C8-8149-E145-A4A3-FD9167B11A0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3B06EAF0-D552-C34C-8FF6-095AEA2C7742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0C1C0D88-41EB-CD42-8344-F8B890F60DE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10</a:t>
            </a:fld>
            <a:endParaRPr lang="en-US" altLang="en-US" sz="1200"/>
          </a:p>
        </p:txBody>
      </p:sp>
    </p:spTree>
    <p:extLst>
      <p:ext uri="{BB962C8B-B14F-4D97-AF65-F5344CB8AC3E}">
        <p14:creationId xmlns:p14="http://schemas.microsoft.com/office/powerpoint/2010/main" val="399140663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65A3E1C8-8149-E145-A4A3-FD9167B11A0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3B06EAF0-D552-C34C-8FF6-095AEA2C7742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0C1C0D88-41EB-CD42-8344-F8B890F60DE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11</a:t>
            </a:fld>
            <a:endParaRPr lang="en-US" altLang="en-US" sz="1200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 AES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4">
            <a:extLst>
              <a:ext uri="{FF2B5EF4-FFF2-40B4-BE49-F238E27FC236}">
                <a16:creationId xmlns:a16="http://schemas.microsoft.com/office/drawing/2014/main" id="{0B78F6BD-B5CC-904F-8C8E-B5A3A88B9C5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1614" y="1502715"/>
            <a:ext cx="11428556" cy="120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Holder 2"/>
          <p:cNvSpPr>
            <a:spLocks noGrp="1"/>
          </p:cNvSpPr>
          <p:nvPr>
            <p:ph type="ctrTitle"/>
          </p:nvPr>
        </p:nvSpPr>
        <p:spPr>
          <a:xfrm>
            <a:off x="371536" y="576673"/>
            <a:ext cx="10484196" cy="764184"/>
          </a:xfrm>
          <a:prstGeom prst="rect">
            <a:avLst/>
          </a:prstGeom>
        </p:spPr>
        <p:txBody>
          <a:bodyPr anchor="t">
            <a:spAutoFit/>
          </a:bodyPr>
          <a:lstStyle>
            <a:lvl1pPr marL="0" marR="3081" algn="l">
              <a:lnSpc>
                <a:spcPct val="100000"/>
              </a:lnSpc>
              <a:spcBef>
                <a:spcPts val="0"/>
              </a:spcBef>
              <a:defRPr sz="4366" b="0" i="0" kern="1200" spc="-6" baseline="0">
                <a:solidFill>
                  <a:srgbClr val="010202"/>
                </a:solidFill>
                <a:latin typeface="Arial"/>
                <a:cs typeface="Arial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536" y="1877200"/>
            <a:ext cx="11454627" cy="3687956"/>
          </a:xfrm>
        </p:spPr>
        <p:txBody>
          <a:bodyPr tIns="0"/>
          <a:lstStyle>
            <a:lvl1pPr marL="0" marR="0" indent="0" defTabSz="554492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8732" kern="1200" spc="-6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9490">
                <a:latin typeface="Arial" charset="0"/>
                <a:ea typeface="Arial" charset="0"/>
                <a:cs typeface="Arial" charset="0"/>
              </a:defRPr>
            </a:lvl2pPr>
            <a:lvl3pPr>
              <a:defRPr sz="9490">
                <a:latin typeface="Arial" charset="0"/>
                <a:ea typeface="Arial" charset="0"/>
                <a:cs typeface="Arial" charset="0"/>
              </a:defRPr>
            </a:lvl3pPr>
            <a:lvl4pPr>
              <a:defRPr sz="9490">
                <a:latin typeface="Arial" charset="0"/>
                <a:ea typeface="Arial" charset="0"/>
                <a:cs typeface="Arial" charset="0"/>
              </a:defRPr>
            </a:lvl4pPr>
            <a:lvl5pPr>
              <a:defRPr sz="949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343969" y="6270776"/>
            <a:ext cx="2726449" cy="208898"/>
          </a:xfrm>
        </p:spPr>
        <p:txBody>
          <a:bodyPr anchor="b">
            <a:normAutofit/>
          </a:bodyPr>
          <a:lstStyle>
            <a:lvl1pPr>
              <a:defRPr sz="849" b="1" i="0" cap="all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Holder 6">
            <a:extLst>
              <a:ext uri="{FF2B5EF4-FFF2-40B4-BE49-F238E27FC236}">
                <a16:creationId xmlns:a16="http://schemas.microsoft.com/office/drawing/2014/main" id="{593940E8-723B-1C4E-A6C8-6714D4705D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65837" y="6326611"/>
            <a:ext cx="785587" cy="12996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>
            <a:lvl1pPr>
              <a:defRPr sz="849" b="1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E902D98C-76AD-7348-B2FB-E43B05BD2DCF}" type="slidenum">
              <a:rPr lang="en-US" altLang="en-US"/>
              <a:pPr/>
              <a:t>‹#›</a:t>
            </a:fld>
            <a:endParaRPr lang="en-US" altLang="en-US"/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81910C95-BBAE-2447-BD59-E539F3E0334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948154" y="6283249"/>
            <a:ext cx="878009" cy="1925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30859791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E281F8-557C-4B61-8EBA-07F8B256B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95D9ADF-3E3C-4C87-BF5E-F9814B5419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678FBCB-ACB7-41A6-965E-B8847F2AC2D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AC5720D-103B-41B9-8ECE-5FB54C23BD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F93BE43-964A-4B29-AAA6-7B9EFD7F2C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7415E3C-41EC-4896-9853-994CB89B55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847251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09B0F-F819-420F-B006-3A61A78E5B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B1DD967-B03F-4515-98CC-0AA4AD3D56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29954A-F783-4C55-BA05-FE92CFFE41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B5FEDF-D956-4359-878D-6F30212F74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A04274-E33D-4D9C-BBE1-0938899AC9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787666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BE214AE-B72F-491D-9E1D-A5D57E275AD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CE5F10D-428A-4A19-9516-F0AD0F3D2D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16AED8-2BA8-472A-8403-E735CE309B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3C2061-FEF1-4C9F-9D77-303995D88B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AF3AAE-21DC-4F3B-8EA7-5B0869FB2E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373838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 AES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Holder 6">
            <a:extLst>
              <a:ext uri="{FF2B5EF4-FFF2-40B4-BE49-F238E27FC236}">
                <a16:creationId xmlns:a16="http://schemas.microsoft.com/office/drawing/2014/main" id="{98BDC379-FB56-1B4C-85A1-49CC46E89D3D}"/>
              </a:ext>
            </a:extLst>
          </p:cNvPr>
          <p:cNvSpPr txBox="1">
            <a:spLocks/>
          </p:cNvSpPr>
          <p:nvPr/>
        </p:nvSpPr>
        <p:spPr>
          <a:xfrm>
            <a:off x="11653835" y="382177"/>
            <a:ext cx="172328" cy="93231"/>
          </a:xfrm>
          <a:prstGeom prst="rect">
            <a:avLst/>
          </a:prstGeom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algn="r" eaLnBrk="1" hangingPunct="1"/>
            <a:fld id="{5332337B-3414-F340-8A76-EB308A9C5B6C}" type="slidenum">
              <a:rPr lang="en-US" altLang="en-US" sz="606" b="1">
                <a:latin typeface="Arial" panose="020B0604020202020204" pitchFamily="34" charset="0"/>
                <a:cs typeface="Arial" panose="020B0604020202020204" pitchFamily="34" charset="0"/>
              </a:rPr>
              <a:pPr algn="r" eaLnBrk="1" hangingPunct="1"/>
              <a:t>‹#›</a:t>
            </a:fld>
            <a:endParaRPr lang="en-US" altLang="en-US" sz="606" b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7163810" y="3163391"/>
            <a:ext cx="4662353" cy="2483581"/>
          </a:xfrm>
        </p:spPr>
        <p:txBody>
          <a:bodyPr>
            <a:normAutofit/>
          </a:bodyPr>
          <a:lstStyle>
            <a:lvl1pPr>
              <a:spcBef>
                <a:spcPts val="0"/>
              </a:spcBef>
              <a:spcAft>
                <a:spcPts val="485"/>
              </a:spcAft>
              <a:defRPr sz="2183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277246" indent="-277246">
              <a:spcBef>
                <a:spcPts val="0"/>
              </a:spcBef>
              <a:spcAft>
                <a:spcPts val="485"/>
              </a:spcAft>
              <a:buFont typeface="System Font Regular"/>
              <a:buChar char="→"/>
              <a:defRPr sz="2183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609941" indent="-277246">
              <a:spcAft>
                <a:spcPts val="485"/>
              </a:spcAft>
              <a:buFont typeface="Arial"/>
              <a:buChar char="•"/>
              <a:defRPr sz="2183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001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001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Holder 2"/>
          <p:cNvSpPr>
            <a:spLocks noGrp="1"/>
          </p:cNvSpPr>
          <p:nvPr>
            <p:ph type="ctrTitle"/>
          </p:nvPr>
        </p:nvSpPr>
        <p:spPr>
          <a:xfrm>
            <a:off x="7163810" y="1635965"/>
            <a:ext cx="4662353" cy="1374735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marR="3081" algn="l">
              <a:lnSpc>
                <a:spcPts val="4997"/>
              </a:lnSpc>
              <a:spcBef>
                <a:spcPts val="0"/>
              </a:spcBef>
              <a:defRPr sz="4366" b="0" i="0" kern="1200" spc="-6" baseline="0">
                <a:solidFill>
                  <a:srgbClr val="010202"/>
                </a:solidFill>
                <a:latin typeface="Arial"/>
                <a:cs typeface="Arial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0" y="371510"/>
            <a:ext cx="6188422" cy="6091799"/>
          </a:xfrm>
        </p:spPr>
        <p:txBody>
          <a:bodyPr>
            <a:normAutofit/>
          </a:bodyPr>
          <a:lstStyle/>
          <a:p>
            <a:pPr lvl="0"/>
            <a:r>
              <a:rPr lang="en-US" noProof="0"/>
              <a:t>Click icon to add picture</a:t>
            </a:r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5"/>
          </p:nvPr>
        </p:nvSpPr>
        <p:spPr>
          <a:xfrm>
            <a:off x="7158853" y="763391"/>
            <a:ext cx="739376" cy="739324"/>
          </a:xfrm>
        </p:spPr>
        <p:txBody>
          <a:bodyPr>
            <a:normAutofit/>
          </a:bodyPr>
          <a:lstStyle/>
          <a:p>
            <a:pPr lvl="0"/>
            <a:r>
              <a:rPr lang="en-US" noProof="0"/>
              <a:t>Click icon to add picture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B18EC2C-0E80-4F40-A0B8-1DE35023C4E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279057" y="6136495"/>
            <a:ext cx="1547106" cy="339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3476360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459F4D-92A3-45B4-81BC-76ED3CE577C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CEBE0A4-2CD3-4DCD-8741-354007A44B1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2940CFA-F11D-442F-B54D-AE9602E644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A1EFE2-411A-4D8F-B609-55B819619E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120843-CE4E-4878-AF38-95D0D86A53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779081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38E929-7026-4975-AB34-89CA7DC929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C1C0E7-CA8D-437C-9631-A8A1E7389C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0A68E9-28F5-49D9-9DBD-C7541B4350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C311BC-2372-4617-8BBF-EDB766A2B0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469F7F-2FCE-4ECF-8D63-8600931C2B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890478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8C1FC3-1BD3-4BD4-9F6D-BBB002310E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6DB1D3-5EE3-4CF9-8758-1DF86307111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5A9452-0157-47C1-B2D5-C1F5BC0EEB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6A98FC-8B95-487D-8BB4-194C9608B5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E44C84-AB8A-4B1D-AD20-60342FD369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193190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94A3D8-E408-4E39-BED0-9A25ABEE3A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364F2B-17FD-4862-97A4-57C72B2116F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2A56D2C-3D06-4A07-B49D-2080866BDDB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FAADC66-254F-43AF-B7F7-D9C7E555B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BE7A579-8BAF-49D3-8BD6-1A7D6FDBEF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2C137C-077F-4D71-AB57-6A27E2E86A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0991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DB121D-FEC2-402B-9292-A50D9D562C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98400FB-25FC-4F11-BA55-B28AFD0A811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16DF7AA-4485-4C5B-8F59-222E0469258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0B37A90-720D-4D81-B3E1-9814B586E5C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4E61AC-79E5-4114-87F6-F7A6942DB76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9DC36A8-6181-4519-9704-9E8FC211E1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AB86DA3-5E1A-45B8-B1DD-E4609BA62C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2B83F1D-8B67-43F0-A7D5-B5306B677C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83916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2BBA4E-D51D-44A7-B9F3-EABEEEE284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FC4C750-16A1-487E-9FED-6D541EB8D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BBD48B8-62DF-4F8D-B8D2-CEC5B4BB27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FDC41C0-0643-4FDE-B4F5-B1B13A1646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04535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7D4A8D-5E34-43ED-A34D-FCB6CB02E14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475773D-0420-472D-923D-FA8D91191D8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12BBE2-0533-4A82-9863-8EB9A94483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C253A7-888F-4426-AC0C-A05DEFF90C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67D3E7C-D2DE-484F-BEEF-96C830DA58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950206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B29F96F-7B9C-41B4-8F26-3E11A6F4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D0B4567-61BA-4F12-B864-70F28433EF0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DDFB732-67B2-4B4E-BDCE-7B24F0753E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582532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151171-8FFF-479D-8253-3720112881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1293FB-DE34-4CDB-9F11-38745505DA6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394E816-83C1-40E5-90B3-607D6494413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843876A-0DF1-48DC-9B30-129F7ADE1F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54789D-43C8-4064-8505-9C71656250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BC9B8F-9FD1-4C36-ADCF-643079C552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04422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1C37CC-E160-491C-92E4-4D1017C373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DA81D9F-0D10-4BA2-B4F5-4BA745A1D2A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1D45EA4-DD08-4418-87FA-98A8D502E5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FAC139D-D596-4312-8748-6FF44E2C16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9621046-4A59-4F60-BD8B-C13AF39AD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EEC484D-8977-491D-A4DB-A3CC4C1C07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778718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B81976-CD7A-4341-8241-82BFF0C6CF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647D0DE-B8CD-4251-8816-A547DFE334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EE16786-058F-4AE4-BA3F-9ED9A27839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D7A8006-E4A9-40B3-A9B0-1375F7C02F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5FF3A2-989F-4B45-800D-EFD92CCA46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030228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21C0D18-07A4-4AE2-9554-DCA190A3E3E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8E9BFA3-C5C6-44A4-B1FC-1DDF10A881B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1D4DCC-4356-4E52-A148-F5642392FC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DF3A70B-E82D-491E-A612-AA325189F5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898D3BD-E0EE-4A9C-8A88-087AFB1EE8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12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7D8369-83A3-4C16-99CF-B83BB5FF2B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01256BE-4414-4593-BB4A-38F0CF61436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D05E7C-8734-48F6-9080-50070005D8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8EE311-CAB9-46E4-9595-E0DF369C70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3F5F26-1ED4-4E0E-90F5-43AB584862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759396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5B29D8-8BEE-4A5C-B024-3830E43477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5FD42D-368C-4442-82F6-B73717DEBC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BB108D-99D1-480E-A396-C403BEBA3E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E4969D-2C63-47CE-B91F-6918EA566F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CF87F40-CFF2-41E7-95A4-1F936D13CD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914109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2B56D7-6A34-48D1-A833-E1207982F6E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191B733-6B53-46B4-8FC6-FC1DDE07655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2137F0-DD5F-4314-9318-15A6280B8F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5433BFE-ECD2-4482-AF55-B47007342A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2E6D24-4B25-498E-A18F-F437D8F1FE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538697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B56A2-0C84-4EBA-9137-9F4958F924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41EE20-BD98-4DFB-A0EC-6DEA0458EDF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F67BEE4-37A3-4025-AB81-4C94488BAB3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CA6088C-86F0-4D9B-BB0B-467D4E3980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95A56FA-0A4C-4E19-9917-2F7AFDFD18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4212E0E-A243-45D8-8160-7CB1DBA022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835020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2FCE77-7A5B-4706-92B5-6EF325AC61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3EB213D-27D2-4011-B888-22A81681B2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CBFD6D9-E7DF-45BE-B942-ABDB1588DA3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2A166EE-54FD-481A-A3BE-B86808B90F2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352E28D-2802-44DD-8C0F-389DF018783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345E650-EE3A-4EE6-93A5-B930537EAD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78A04D2-BC6A-472B-BBE0-1C29FC0B90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63CCE45-542D-4D74-9C80-FF71CD6A8C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42471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FAC4D3-D6FA-49CC-9D01-92205E602F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0BD45B-8B97-4A43-A349-B65B5AF836E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2591D3-5353-4A77-AFA7-BEF8A9655B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014D814-A077-4721-A1B9-2BFBED4D53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E854F3-9225-48DF-9084-2C70B3876A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28360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7B8E-7BF5-4DE8-A761-91897D78AB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B8CDDAD-39C4-41BB-9C7F-A4E9DFC3D5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C0CEF99-414A-4098-A797-9B59DCF5D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522B176-8CAE-4AD0-9093-25FA509CC5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887030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FE7674-C4BA-4B1F-AF14-2A6475C679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C852532-0BEC-4993-8AF4-DD017121C5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F773480-D37B-44B9-B57A-88E2ACD3C6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205650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7C1AC7-818E-4693-AB47-F5A8CAACA2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A37C387-E949-4D62-A9D1-FECDA969E6B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04F711-CDA4-48BD-AD87-F3078EF92FD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B5D429-DAB1-42EB-B3CF-0D0CA358ED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A6964E3-AEDE-45F8-8336-F4BDADEC2C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9AFC1D-8CE4-471B-89CF-8AFA1BF0A8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624863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2C30EF-BA30-4364-AA36-4A423C82CA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A6BF1B4-C8BA-438E-BFF5-5A11E92BB34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6B3B17F-5C44-4CF4-85D4-6730495C332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05F050C-3491-44CE-9089-0C242EB130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E373ADC-6D05-43CB-BB4B-B4D62F7A51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EA792A-02D5-4678-8D80-4500408E04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528566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FD04E9-C70C-4D68-AA72-F106B7D76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BB09B0-99F5-4884-97B4-58EB844BA43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3699C7-E0C5-44EE-BA61-F4FAF23BE3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1409B2-6E34-4982-BC95-ED5E3C6C1A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768366-FEDD-42F0-8884-2EBA42DCE7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037255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FC7A045-DEDE-469C-9C28-C53160229F4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1C5ECAF-356B-46FE-8B01-CA4F0C71C1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B06FA9-7831-4705-B647-B0537159EC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076947-34C1-4DBD-B5EA-31697721E7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835625-B580-4903-8D57-98CBB11FC7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7498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105D92-F963-420F-93F0-64C0C8756B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75047E9-D6E8-42BC-B851-E8C436A3C40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43102A-9792-418C-90A8-F7FE6362FF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5AB9CD-03C2-4717-8888-A17FCF7339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CA7D1E-6C2C-413F-A701-0362290C65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6154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6263F9-3596-42F9-B200-BE2EBFB229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08CFF1-B3EA-43BF-BF20-63E285C5499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24F814-CB56-4D8B-ABE1-3F7E47C25C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D60C150-E88D-46E3-A305-1816681D35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E00B23-A387-4B15-9BFC-B79917D85C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537984-F034-498E-8A4E-77C5A8E961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12800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6D7FDA-56F2-47AE-9540-FC15A32DAF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8755FB0-3963-44F6-A058-774471BB97D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3F3C8F-3FDA-4586-8D95-83B3A830B79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BC2B0CD-1FF9-422C-97E2-272BF0E2157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456C6FC-476A-4282-9FD0-890C9FC3CAC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3D6B8C8-D12E-4ED5-8A81-9CD05EF485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E69F039-7CB9-4B40-B955-17BD6ADA92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B19490B-3C74-4A40-A7B8-E4CCE28F2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89064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8047D7-297B-46DB-AAAD-3132F3A3E2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89CB5EF-D6AA-4A65-9F3E-E3E03B6ABB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7D534C0-C4A9-4727-9FEE-60FE5B937A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A0CC592-43F2-4DD6-8AD6-EA9C1A235F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61048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08A3BF1-384A-499C-979A-C82AE17768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C96EE1D-07E7-428B-ACE7-6301E4B8EE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846B76D-6B79-45B7-B848-FEE93C0D43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9974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6C3C9B-D798-4E1B-92BA-84AEABB58A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272214-F0E0-4CB1-851B-C2B8C67FFA0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5FF4FA-53E3-4B2A-9DBA-4F3DB52ADED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5ECCFDE-0A80-4E4D-ACE6-F651495E4C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F74EA7A-E4E2-4C25-B636-F55F2B681D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95AF126-549D-4789-B0AF-A60FC3A194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97853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7EDB4C5-0517-4C87-9050-8BBA39001A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1F988FA-BEFC-41F9-888E-4212BEC88FF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50538F4-2864-45F6-8B47-F5C48D52E2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09A253-57AA-4C8C-A738-C52EF023CEC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9E39E6-A566-403D-B588-16F04409CE6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1190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06450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49" r:id="rId2"/>
    <p:sldLayoutId id="2147483650" r:id="rId3"/>
    <p:sldLayoutId id="2147483651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  <p:sldLayoutId id="2147483658" r:id="rId11"/>
    <p:sldLayoutId id="2147483659" r:id="rId12"/>
    <p:sldLayoutId id="2147483660" r:id="rId1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2EF306C-E61C-4C74-AC58-144AAF98ABE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E28E23-21DF-4A28-B417-EE4C8185B9C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54C60A-E04F-4D06-8740-AD55D8B7DC4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286C98-0E51-4689-9036-79F46DDC2A9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737C9D-2C67-4A86-BDFB-0749A4CFC67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69994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4" r:id="rId1"/>
    <p:sldLayoutId id="2147483685" r:id="rId2"/>
    <p:sldLayoutId id="2147483686" r:id="rId3"/>
    <p:sldLayoutId id="2147483687" r:id="rId4"/>
    <p:sldLayoutId id="2147483688" r:id="rId5"/>
    <p:sldLayoutId id="2147483689" r:id="rId6"/>
    <p:sldLayoutId id="2147483690" r:id="rId7"/>
    <p:sldLayoutId id="2147483691" r:id="rId8"/>
    <p:sldLayoutId id="2147483692" r:id="rId9"/>
    <p:sldLayoutId id="2147483693" r:id="rId10"/>
    <p:sldLayoutId id="2147483694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472AE24-B76D-4C4D-B1BF-EEBF6E6C1C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BECE-1DB8-455F-AAB2-45C26F4F943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2E4E09-8437-48A3-B393-F500808D23E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60411F-5DDC-47EA-AB80-9C2B51B5A14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228B34-B800-492F-8A98-3E25DE7FB5C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22366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2" r:id="rId1"/>
    <p:sldLayoutId id="2147483673" r:id="rId2"/>
    <p:sldLayoutId id="2147483674" r:id="rId3"/>
    <p:sldLayoutId id="2147483675" r:id="rId4"/>
    <p:sldLayoutId id="2147483676" r:id="rId5"/>
    <p:sldLayoutId id="2147483677" r:id="rId6"/>
    <p:sldLayoutId id="2147483678" r:id="rId7"/>
    <p:sldLayoutId id="2147483679" r:id="rId8"/>
    <p:sldLayoutId id="2147483680" r:id="rId9"/>
    <p:sldLayoutId id="2147483681" r:id="rId10"/>
    <p:sldLayoutId id="2147483682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notesSlide" Target="../notesSlides/notesSlide5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1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3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emf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7.emf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89" name="Text Placeholder 28">
            <a:extLst>
              <a:ext uri="{FF2B5EF4-FFF2-40B4-BE49-F238E27FC236}">
                <a16:creationId xmlns:a16="http://schemas.microsoft.com/office/drawing/2014/main" id="{61214EE2-2778-C041-8D73-47584914D5B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dirty="0"/>
              <a:t>Transmission Formula Rate</a:t>
            </a:r>
          </a:p>
          <a:p>
            <a:pPr marL="0" indent="0" algn="ctr">
              <a:buNone/>
            </a:pPr>
            <a:r>
              <a:rPr lang="en-US" dirty="0"/>
              <a:t>2025 Stakeholder Meeting</a:t>
            </a:r>
          </a:p>
          <a:p>
            <a:pPr marL="0" indent="0" algn="ctr">
              <a:buNone/>
            </a:pPr>
            <a:r>
              <a:rPr lang="en-US" dirty="0"/>
              <a:t>October 16, 2025</a:t>
            </a:r>
          </a:p>
          <a:p>
            <a:pPr marL="0" indent="0" algn="ctr">
              <a:buNone/>
            </a:pPr>
            <a:r>
              <a:rPr lang="en-US" dirty="0"/>
              <a:t>1 PM Via Teams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9038798-CFAD-7240-B1FA-CE17874166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344569" y="992050"/>
            <a:ext cx="2827255" cy="1374735"/>
          </a:xfrm>
        </p:spPr>
        <p:txBody>
          <a:bodyPr vert="horz" numCol="1" anchor="t" anchorCtr="0" compatLnSpc="1">
            <a:prstTxWarp prst="textNoShape">
              <a:avLst/>
            </a:prstTxWarp>
          </a:bodyPr>
          <a:lstStyle/>
          <a:p>
            <a:pPr marR="0">
              <a:lnSpc>
                <a:spcPts val="4996"/>
              </a:lnSpc>
              <a:spcBef>
                <a:spcPct val="0"/>
              </a:spcBef>
              <a:defRPr/>
            </a:pPr>
            <a:r>
              <a:rPr lang="en-US" sz="4972">
                <a:latin typeface="Arial" charset="0"/>
                <a:cs typeface="Arial" charset="0"/>
              </a:rPr>
              <a:t>Cover option 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42CB8F6-F370-4BCF-9E07-67FD9CECCAAD}"/>
              </a:ext>
            </a:extLst>
          </p:cNvPr>
          <p:cNvSpPr txBox="1"/>
          <p:nvPr/>
        </p:nvSpPr>
        <p:spPr>
          <a:xfrm>
            <a:off x="6332691" y="1679417"/>
            <a:ext cx="6098720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800" dirty="0">
                <a:latin typeface="Arial" panose="020B0604020202020204" pitchFamily="34" charset="0"/>
                <a:cs typeface="Arial" panose="020B0604020202020204" pitchFamily="34" charset="0"/>
              </a:rPr>
              <a:t>AES Ohio</a:t>
            </a:r>
          </a:p>
        </p:txBody>
      </p:sp>
      <p:pic>
        <p:nvPicPr>
          <p:cNvPr id="7" name="Picture 6" descr="A person wearing a helmet and goggles&#10;&#10;Description automatically generated with medium confidence">
            <a:extLst>
              <a:ext uri="{FF2B5EF4-FFF2-40B4-BE49-F238E27FC236}">
                <a16:creationId xmlns:a16="http://schemas.microsoft.com/office/drawing/2014/main" id="{29B929CA-3A40-4D3C-B89C-60EB5BC9BDD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5837" y="394606"/>
            <a:ext cx="5852160" cy="5888736"/>
          </a:xfrm>
          <a:prstGeom prst="rect">
            <a:avLst/>
          </a:prstGeom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0682E74-679B-0941-9133-8773C7E3FCE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7886" y="529941"/>
            <a:ext cx="10489895" cy="652963"/>
          </a:xfrm>
        </p:spPr>
        <p:txBody>
          <a:bodyPr/>
          <a:lstStyle/>
          <a:p>
            <a:pPr algn="ctr"/>
            <a:r>
              <a:rPr lang="en-US" sz="2400"/>
              <a:t>The Dayton Power and Light Company</a:t>
            </a:r>
            <a:br>
              <a:rPr lang="en-US" sz="2400"/>
            </a:br>
            <a:r>
              <a:rPr lang="en-US" sz="2400"/>
              <a:t>Annual Transmission Formula Rate Process</a:t>
            </a:r>
            <a:br>
              <a:rPr lang="en-US" sz="2400"/>
            </a:br>
            <a:endParaRPr lang="en-US" sz="2400"/>
          </a:p>
        </p:txBody>
      </p:sp>
      <p:cxnSp>
        <p:nvCxnSpPr>
          <p:cNvPr id="6" name="OTLSHAPE_T_419c50029c3441a582289b7345e4ffa3_MiddleVerticalConnector1">
            <a:extLst>
              <a:ext uri="{FF2B5EF4-FFF2-40B4-BE49-F238E27FC236}">
                <a16:creationId xmlns:a16="http://schemas.microsoft.com/office/drawing/2014/main" id="{C6F9F6A8-C29D-4E52-B49B-547E88EAE880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1257207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b3a78e578dc940fbac53089eb443b43b_LeftVerticalConnector1">
            <a:extLst>
              <a:ext uri="{FF2B5EF4-FFF2-40B4-BE49-F238E27FC236}">
                <a16:creationId xmlns:a16="http://schemas.microsoft.com/office/drawing/2014/main" id="{B6BA39CE-1430-4C5F-81F1-4A31A4FC0B2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4632053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b3a78e578dc940fbac53089eb443b43b_LeftVerticalConnector2">
            <a:extLst>
              <a:ext uri="{FF2B5EF4-FFF2-40B4-BE49-F238E27FC236}">
                <a16:creationId xmlns:a16="http://schemas.microsoft.com/office/drawing/2014/main" id="{8EF2AB44-2F92-4ABF-8ADC-662B440A6578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632053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b3a78e578dc940fbac53089eb443b43b_RightVerticalConnector1">
            <a:extLst>
              <a:ext uri="{FF2B5EF4-FFF2-40B4-BE49-F238E27FC236}">
                <a16:creationId xmlns:a16="http://schemas.microsoft.com/office/drawing/2014/main" id="{552DD4DE-B7FD-4129-A216-3C426E8AF41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077968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b1bfe6e8b83d41538e50a36b00276432_MiddleVerticalConnector1">
            <a:extLst>
              <a:ext uri="{FF2B5EF4-FFF2-40B4-BE49-F238E27FC236}">
                <a16:creationId xmlns:a16="http://schemas.microsoft.com/office/drawing/2014/main" id="{C9F05067-D818-4449-82CB-246017A83EE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967385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b1bfe6e8b83d41538e50a36b00276432_MiddleVerticalConnector2">
            <a:extLst>
              <a:ext uri="{FF2B5EF4-FFF2-40B4-BE49-F238E27FC236}">
                <a16:creationId xmlns:a16="http://schemas.microsoft.com/office/drawing/2014/main" id="{57305654-A1B1-47B5-9106-17A5F926333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967385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b1bfe6e8b83d41538e50a36b00276432_MiddleVerticalConnector3">
            <a:extLst>
              <a:ext uri="{FF2B5EF4-FFF2-40B4-BE49-F238E27FC236}">
                <a16:creationId xmlns:a16="http://schemas.microsoft.com/office/drawing/2014/main" id="{7C212635-0B95-4EDD-B584-811C014277B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967385" y="2842419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6a5c1252a68487fb4522c41f1227847_MiddleVerticalConnector1">
            <a:extLst>
              <a:ext uri="{FF2B5EF4-FFF2-40B4-BE49-F238E27FC236}">
                <a16:creationId xmlns:a16="http://schemas.microsoft.com/office/drawing/2014/main" id="{B698D463-4382-4074-8CCE-91658ABE643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357577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6a5c1252a68487fb4522c41f1227847_MiddleVerticalConnector2">
            <a:extLst>
              <a:ext uri="{FF2B5EF4-FFF2-40B4-BE49-F238E27FC236}">
                <a16:creationId xmlns:a16="http://schemas.microsoft.com/office/drawing/2014/main" id="{F68689DF-B30D-4C7A-87C9-4A8C37C4FC5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357577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6a5c1252a68487fb4522c41f1227847_MiddleVerticalConnector3">
            <a:extLst>
              <a:ext uri="{FF2B5EF4-FFF2-40B4-BE49-F238E27FC236}">
                <a16:creationId xmlns:a16="http://schemas.microsoft.com/office/drawing/2014/main" id="{3041F85D-450C-4A7F-906D-D5B8EB83B07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357577" y="2842419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6a5c1252a68487fb4522c41f1227847_MiddleVerticalConnector4">
            <a:extLst>
              <a:ext uri="{FF2B5EF4-FFF2-40B4-BE49-F238E27FC236}">
                <a16:creationId xmlns:a16="http://schemas.microsoft.com/office/drawing/2014/main" id="{F48B394F-B120-487D-A414-D90B44B545D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357577" y="3279638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be7cff4261844e06a1b9f5884851b609_MiddleVerticalConnector1">
            <a:extLst>
              <a:ext uri="{FF2B5EF4-FFF2-40B4-BE49-F238E27FC236}">
                <a16:creationId xmlns:a16="http://schemas.microsoft.com/office/drawing/2014/main" id="{FDCE1CCB-FAB1-4614-A4FE-38880B05569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496931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be7cff4261844e06a1b9f5884851b609_MiddleVerticalConnector2">
            <a:extLst>
              <a:ext uri="{FF2B5EF4-FFF2-40B4-BE49-F238E27FC236}">
                <a16:creationId xmlns:a16="http://schemas.microsoft.com/office/drawing/2014/main" id="{89D2C27B-B12A-44D8-ACCA-975CD25E745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96931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be7cff4261844e06a1b9f5884851b609_MiddleVerticalConnector3">
            <a:extLst>
              <a:ext uri="{FF2B5EF4-FFF2-40B4-BE49-F238E27FC236}">
                <a16:creationId xmlns:a16="http://schemas.microsoft.com/office/drawing/2014/main" id="{6DCD5BB6-B9F5-43C1-9E39-FF440073225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496931" y="2842419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be7cff4261844e06a1b9f5884851b609_MiddleVerticalConnector4">
            <a:extLst>
              <a:ext uri="{FF2B5EF4-FFF2-40B4-BE49-F238E27FC236}">
                <a16:creationId xmlns:a16="http://schemas.microsoft.com/office/drawing/2014/main" id="{B0BC3FBE-8E32-46F3-9567-30F31C611CE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496931" y="3279638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be7cff4261844e06a1b9f5884851b609_MiddleVerticalConnector5">
            <a:extLst>
              <a:ext uri="{FF2B5EF4-FFF2-40B4-BE49-F238E27FC236}">
                <a16:creationId xmlns:a16="http://schemas.microsoft.com/office/drawing/2014/main" id="{7057EED8-A352-4B61-8A6A-83E6AB4FE86A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496931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42acef71ce14e3a81cbf1cfd2857ec1_MiddleVerticalConnector1">
            <a:extLst>
              <a:ext uri="{FF2B5EF4-FFF2-40B4-BE49-F238E27FC236}">
                <a16:creationId xmlns:a16="http://schemas.microsoft.com/office/drawing/2014/main" id="{CF1040C1-8C9F-40CB-A4C0-0BC61E2EB10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831381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742acef71ce14e3a81cbf1cfd2857ec1_MiddleVerticalConnector2">
            <a:extLst>
              <a:ext uri="{FF2B5EF4-FFF2-40B4-BE49-F238E27FC236}">
                <a16:creationId xmlns:a16="http://schemas.microsoft.com/office/drawing/2014/main" id="{2DF462FB-021E-4ABD-993F-41E943A0010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1381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742acef71ce14e3a81cbf1cfd2857ec1_MiddleVerticalConnector3">
            <a:extLst>
              <a:ext uri="{FF2B5EF4-FFF2-40B4-BE49-F238E27FC236}">
                <a16:creationId xmlns:a16="http://schemas.microsoft.com/office/drawing/2014/main" id="{00DD52DC-C3C3-49E7-8889-3B30FE2A72E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831381" y="2842419"/>
            <a:ext cx="0" cy="7039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742acef71ce14e3a81cbf1cfd2857ec1_MiddleVerticalConnector4">
            <a:extLst>
              <a:ext uri="{FF2B5EF4-FFF2-40B4-BE49-F238E27FC236}">
                <a16:creationId xmlns:a16="http://schemas.microsoft.com/office/drawing/2014/main" id="{1E5B3EC3-4913-4F6C-8175-58603E93F1F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831381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742acef71ce14e3a81cbf1cfd2857ec1_MiddleVerticalConnector5">
            <a:extLst>
              <a:ext uri="{FF2B5EF4-FFF2-40B4-BE49-F238E27FC236}">
                <a16:creationId xmlns:a16="http://schemas.microsoft.com/office/drawing/2014/main" id="{89375DD8-70A7-40DE-81F6-19881693CE2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831381" y="4154075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742acef71ce14e3a81cbf1cfd2857ec1_MiddleVerticalConnector6">
            <a:extLst>
              <a:ext uri="{FF2B5EF4-FFF2-40B4-BE49-F238E27FC236}">
                <a16:creationId xmlns:a16="http://schemas.microsoft.com/office/drawing/2014/main" id="{777848E2-B5D5-4EF6-B167-68EE841D833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831381" y="4591294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9d37466f7f5e4cd689dbf71019a28925_MiddleVerticalConnector1">
            <a:extLst>
              <a:ext uri="{FF2B5EF4-FFF2-40B4-BE49-F238E27FC236}">
                <a16:creationId xmlns:a16="http://schemas.microsoft.com/office/drawing/2014/main" id="{D5330B09-B0BF-49D5-A3E5-45000CD49A8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667508" y="2031482"/>
            <a:ext cx="0" cy="640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9d37466f7f5e4cd689dbf71019a28925_MiddleVerticalConnector2">
            <a:extLst>
              <a:ext uri="{FF2B5EF4-FFF2-40B4-BE49-F238E27FC236}">
                <a16:creationId xmlns:a16="http://schemas.microsoft.com/office/drawing/2014/main" id="{37AD8A6C-5133-4B90-9719-0BC2A63F787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667508" y="2842419"/>
            <a:ext cx="0" cy="7039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9d37466f7f5e4cd689dbf71019a28925_MiddleVerticalConnector3">
            <a:extLst>
              <a:ext uri="{FF2B5EF4-FFF2-40B4-BE49-F238E27FC236}">
                <a16:creationId xmlns:a16="http://schemas.microsoft.com/office/drawing/2014/main" id="{D4AC0BCC-20F6-44D0-B6FB-A72103BD872C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67508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9d37466f7f5e4cd689dbf71019a28925_MiddleVerticalConnector4">
            <a:extLst>
              <a:ext uri="{FF2B5EF4-FFF2-40B4-BE49-F238E27FC236}">
                <a16:creationId xmlns:a16="http://schemas.microsoft.com/office/drawing/2014/main" id="{AB142D9D-DA98-4966-868D-694C82B0900A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667508" y="4154075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9d37466f7f5e4cd689dbf71019a28925_MiddleVerticalConnector5">
            <a:extLst>
              <a:ext uri="{FF2B5EF4-FFF2-40B4-BE49-F238E27FC236}">
                <a16:creationId xmlns:a16="http://schemas.microsoft.com/office/drawing/2014/main" id="{700A767F-1306-4281-B4DB-C67F9F70ED1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667508" y="4591294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9d37466f7f5e4cd689dbf71019a28925_MiddleVerticalConnector6">
            <a:extLst>
              <a:ext uri="{FF2B5EF4-FFF2-40B4-BE49-F238E27FC236}">
                <a16:creationId xmlns:a16="http://schemas.microsoft.com/office/drawing/2014/main" id="{290F44C1-9391-49E4-A322-AE3D6FC2259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667508" y="5028513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d37466f7f5e4cd689dbf71019a28925_MiddleVerticalConnector7">
            <a:extLst>
              <a:ext uri="{FF2B5EF4-FFF2-40B4-BE49-F238E27FC236}">
                <a16:creationId xmlns:a16="http://schemas.microsoft.com/office/drawing/2014/main" id="{42324969-25BA-49B6-B34D-36D99A643CD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667508" y="546573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b3a78e578dc940fbac53089eb443b43b_LeftVerticalConnector3">
            <a:extLst>
              <a:ext uri="{FF2B5EF4-FFF2-40B4-BE49-F238E27FC236}">
                <a16:creationId xmlns:a16="http://schemas.microsoft.com/office/drawing/2014/main" id="{22C7878E-8920-4BEE-9D3D-11499411EC0E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32053" y="2842419"/>
            <a:ext cx="0" cy="538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b3a78e578dc940fbac53089eb443b43b_RightVerticalConnector2">
            <a:extLst>
              <a:ext uri="{FF2B5EF4-FFF2-40B4-BE49-F238E27FC236}">
                <a16:creationId xmlns:a16="http://schemas.microsoft.com/office/drawing/2014/main" id="{3DAA37CB-54CB-419F-88A7-3D740C8FB386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077968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b3a78e578dc940fbac53089eb443b43b_RightVerticalConnector3">
            <a:extLst>
              <a:ext uri="{FF2B5EF4-FFF2-40B4-BE49-F238E27FC236}">
                <a16:creationId xmlns:a16="http://schemas.microsoft.com/office/drawing/2014/main" id="{DDB7218F-3F38-4361-8275-81CC7C5AB95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077968" y="2842419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b1bfe6e8b83d41538e50a36b00276432_MiddleVerticalConnector4">
            <a:extLst>
              <a:ext uri="{FF2B5EF4-FFF2-40B4-BE49-F238E27FC236}">
                <a16:creationId xmlns:a16="http://schemas.microsoft.com/office/drawing/2014/main" id="{E08E3F3A-1CBF-43EA-B69F-A80A1C2066C3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967385" y="3279638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b1bfe6e8b83d41538e50a36b00276432_MiddleVerticalConnector5">
            <a:extLst>
              <a:ext uri="{FF2B5EF4-FFF2-40B4-BE49-F238E27FC236}">
                <a16:creationId xmlns:a16="http://schemas.microsoft.com/office/drawing/2014/main" id="{5F5C9350-2F67-4B7A-85AC-981185C80341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5967385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76a5c1252a68487fb4522c41f1227847_MiddleVerticalConnector5">
            <a:extLst>
              <a:ext uri="{FF2B5EF4-FFF2-40B4-BE49-F238E27FC236}">
                <a16:creationId xmlns:a16="http://schemas.microsoft.com/office/drawing/2014/main" id="{3CB53D8A-F05A-4237-9416-AF0111A3875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357577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76a5c1252a68487fb4522c41f1227847_MiddleVerticalConnector6">
            <a:extLst>
              <a:ext uri="{FF2B5EF4-FFF2-40B4-BE49-F238E27FC236}">
                <a16:creationId xmlns:a16="http://schemas.microsoft.com/office/drawing/2014/main" id="{202EE815-A1C4-4F09-B02F-996398702604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357577" y="4154075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be7cff4261844e06a1b9f5884851b609_MiddleVerticalConnector6">
            <a:extLst>
              <a:ext uri="{FF2B5EF4-FFF2-40B4-BE49-F238E27FC236}">
                <a16:creationId xmlns:a16="http://schemas.microsoft.com/office/drawing/2014/main" id="{2B555CCE-D28B-44C5-BA6E-E1A29F9F8A94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496931" y="4154075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be7cff4261844e06a1b9f5884851b609_MiddleVerticalConnector7">
            <a:extLst>
              <a:ext uri="{FF2B5EF4-FFF2-40B4-BE49-F238E27FC236}">
                <a16:creationId xmlns:a16="http://schemas.microsoft.com/office/drawing/2014/main" id="{62357FCE-C996-4714-9BE7-5D4B5912CBB1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496931" y="4591294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742acef71ce14e3a81cbf1cfd2857ec1_MiddleVerticalConnector7">
            <a:extLst>
              <a:ext uri="{FF2B5EF4-FFF2-40B4-BE49-F238E27FC236}">
                <a16:creationId xmlns:a16="http://schemas.microsoft.com/office/drawing/2014/main" id="{68FCEC79-E33D-4BB4-909C-7740F998ED5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831381" y="5028513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1d82752161664fef834e0d66662ce482_MiddleVerticalConnector1">
            <a:extLst>
              <a:ext uri="{FF2B5EF4-FFF2-40B4-BE49-F238E27FC236}">
                <a16:creationId xmlns:a16="http://schemas.microsoft.com/office/drawing/2014/main" id="{9F9F4D2A-FA43-4C9F-BC12-274CE75DCE1F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175887" y="2031482"/>
            <a:ext cx="0" cy="23892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1d82752161664fef834e0d66662ce482_MiddleVerticalConnector2">
            <a:extLst>
              <a:ext uri="{FF2B5EF4-FFF2-40B4-BE49-F238E27FC236}">
                <a16:creationId xmlns:a16="http://schemas.microsoft.com/office/drawing/2014/main" id="{CBE31A4D-F43E-489C-8224-1C8934D8FEC0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175887" y="4591294"/>
            <a:ext cx="0" cy="15783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B_00000000000000000000000000000000_ScaleContainer">
            <a:extLst>
              <a:ext uri="{FF2B5EF4-FFF2-40B4-BE49-F238E27FC236}">
                <a16:creationId xmlns:a16="http://schemas.microsoft.com/office/drawing/2014/main" id="{702911E0-209D-469B-8F55-71611675857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76514" y="1650482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B_00000000000000000000000000000000_TimescaleInterval1">
            <a:extLst>
              <a:ext uri="{FF2B5EF4-FFF2-40B4-BE49-F238E27FC236}">
                <a16:creationId xmlns:a16="http://schemas.microsoft.com/office/drawing/2014/main" id="{31672D0A-6463-4ADC-9354-B0E0968A80C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05114" y="1747955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0" name="OTLSHAPE_TB_00000000000000000000000000000000_TimescaleInterval2">
            <a:extLst>
              <a:ext uri="{FF2B5EF4-FFF2-40B4-BE49-F238E27FC236}">
                <a16:creationId xmlns:a16="http://schemas.microsoft.com/office/drawing/2014/main" id="{8D9F639D-EC40-44D3-A0CB-57C4D5DF916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741241" y="174795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1" name="OTLSHAPE_TB_00000000000000000000000000000000_TimescaleInterval3">
            <a:extLst>
              <a:ext uri="{FF2B5EF4-FFF2-40B4-BE49-F238E27FC236}">
                <a16:creationId xmlns:a16="http://schemas.microsoft.com/office/drawing/2014/main" id="{898CBA98-38D0-4800-8FBF-DDFE34D7580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605238" y="1747955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" name="OTLSHAPE_TB_00000000000000000000000000000000_TimescaleInterval4">
            <a:extLst>
              <a:ext uri="{FF2B5EF4-FFF2-40B4-BE49-F238E27FC236}">
                <a16:creationId xmlns:a16="http://schemas.microsoft.com/office/drawing/2014/main" id="{ED8B6F89-BB0A-4B5F-A970-8340E3EE365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469235" y="174795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3" name="OTLSHAPE_TB_00000000000000000000000000000000_TimescaleInterval5">
            <a:extLst>
              <a:ext uri="{FF2B5EF4-FFF2-40B4-BE49-F238E27FC236}">
                <a16:creationId xmlns:a16="http://schemas.microsoft.com/office/drawing/2014/main" id="{91085A03-3D8A-4C69-A4E7-F6D889CEE85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305361" y="1747955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54" name="OTLSHAPE_TB_00000000000000000000000000000000_TimescaleInterval6">
            <a:extLst>
              <a:ext uri="{FF2B5EF4-FFF2-40B4-BE49-F238E27FC236}">
                <a16:creationId xmlns:a16="http://schemas.microsoft.com/office/drawing/2014/main" id="{F7D4CDA1-4955-4F2F-AD06-D43D79D5430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169358" y="174795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5" name="OTLSHAPE_TB_00000000000000000000000000000000_TimescaleInterval7">
            <a:extLst>
              <a:ext uri="{FF2B5EF4-FFF2-40B4-BE49-F238E27FC236}">
                <a16:creationId xmlns:a16="http://schemas.microsoft.com/office/drawing/2014/main" id="{43EBE947-9E7C-4022-AAD5-7370458D99E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005485" y="1747955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56" name="OTLSHAPE_TB_00000000000000000000000000000000_TimescaleInterval8">
            <a:extLst>
              <a:ext uri="{FF2B5EF4-FFF2-40B4-BE49-F238E27FC236}">
                <a16:creationId xmlns:a16="http://schemas.microsoft.com/office/drawing/2014/main" id="{1E6260FA-807C-4F26-8653-22C0EC9DA35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869481" y="174795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57" name="OTLSHAPE_TB_00000000000000000000000000000000_TimescaleInterval9">
            <a:extLst>
              <a:ext uri="{FF2B5EF4-FFF2-40B4-BE49-F238E27FC236}">
                <a16:creationId xmlns:a16="http://schemas.microsoft.com/office/drawing/2014/main" id="{DE20FD1A-A4E7-415F-834B-52297AA73D7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733479" y="174795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58" name="OTLSHAPE_TB_00000000000000000000000000000000_TimescaleInterval10">
            <a:extLst>
              <a:ext uri="{FF2B5EF4-FFF2-40B4-BE49-F238E27FC236}">
                <a16:creationId xmlns:a16="http://schemas.microsoft.com/office/drawing/2014/main" id="{979EC36B-345F-4DB0-B52B-2AEC8DF8B2A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513863" y="174795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59" name="OTLSHAPE_TB_00000000000000000000000000000000_TimescaleInterval11">
            <a:extLst>
              <a:ext uri="{FF2B5EF4-FFF2-40B4-BE49-F238E27FC236}">
                <a16:creationId xmlns:a16="http://schemas.microsoft.com/office/drawing/2014/main" id="{DC783563-5ADD-45EB-9577-094B0E03396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377861" y="174795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60" name="OTLSHAPE_TB_00000000000000000000000000000000_TimescaleInterval12">
            <a:extLst>
              <a:ext uri="{FF2B5EF4-FFF2-40B4-BE49-F238E27FC236}">
                <a16:creationId xmlns:a16="http://schemas.microsoft.com/office/drawing/2014/main" id="{44839F34-AB2D-4871-9036-B0E300AF48B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213987" y="1747955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61" name="OTLSHAPE_TB_00000000000000000000000000000000_Separator1">
            <a:extLst>
              <a:ext uri="{FF2B5EF4-FFF2-40B4-BE49-F238E27FC236}">
                <a16:creationId xmlns:a16="http://schemas.microsoft.com/office/drawing/2014/main" id="{D7753396-1EC7-44D0-984A-F95E533FE30A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1677740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Separator2">
            <a:extLst>
              <a:ext uri="{FF2B5EF4-FFF2-40B4-BE49-F238E27FC236}">
                <a16:creationId xmlns:a16="http://schemas.microsoft.com/office/drawing/2014/main" id="{30B005F6-B379-44F3-839F-411A04F57896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2541737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Separator3">
            <a:extLst>
              <a:ext uri="{FF2B5EF4-FFF2-40B4-BE49-F238E27FC236}">
                <a16:creationId xmlns:a16="http://schemas.microsoft.com/office/drawing/2014/main" id="{C9F4A911-1709-4569-B5E8-FD546C7A8D72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3405735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Separator4">
            <a:extLst>
              <a:ext uri="{FF2B5EF4-FFF2-40B4-BE49-F238E27FC236}">
                <a16:creationId xmlns:a16="http://schemas.microsoft.com/office/drawing/2014/main" id="{9ED921D9-A5FF-4837-B286-EE1EA2D84B14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4241861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Separator5">
            <a:extLst>
              <a:ext uri="{FF2B5EF4-FFF2-40B4-BE49-F238E27FC236}">
                <a16:creationId xmlns:a16="http://schemas.microsoft.com/office/drawing/2014/main" id="{53DB59BB-4A93-4202-8E95-5DD83365015F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5105858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6">
            <a:extLst>
              <a:ext uri="{FF2B5EF4-FFF2-40B4-BE49-F238E27FC236}">
                <a16:creationId xmlns:a16="http://schemas.microsoft.com/office/drawing/2014/main" id="{828B794C-F22F-415B-92BF-2C87D796AB12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5941984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7">
            <a:extLst>
              <a:ext uri="{FF2B5EF4-FFF2-40B4-BE49-F238E27FC236}">
                <a16:creationId xmlns:a16="http://schemas.microsoft.com/office/drawing/2014/main" id="{6CBAF6F2-DD38-4426-BB0F-256998E3B528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6805981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Separator8">
            <a:extLst>
              <a:ext uri="{FF2B5EF4-FFF2-40B4-BE49-F238E27FC236}">
                <a16:creationId xmlns:a16="http://schemas.microsoft.com/office/drawing/2014/main" id="{1F6FB93C-71E4-453F-90A3-05EEDF5EAEAB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669978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9">
            <a:extLst>
              <a:ext uri="{FF2B5EF4-FFF2-40B4-BE49-F238E27FC236}">
                <a16:creationId xmlns:a16="http://schemas.microsoft.com/office/drawing/2014/main" id="{431302C8-72C3-4C17-AA44-00CC8A20C8FB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8450363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Separator10">
            <a:extLst>
              <a:ext uri="{FF2B5EF4-FFF2-40B4-BE49-F238E27FC236}">
                <a16:creationId xmlns:a16="http://schemas.microsoft.com/office/drawing/2014/main" id="{A1C6F0EE-9DF4-4FBE-A24C-CE7CF93EFF42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9314360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11">
            <a:extLst>
              <a:ext uri="{FF2B5EF4-FFF2-40B4-BE49-F238E27FC236}">
                <a16:creationId xmlns:a16="http://schemas.microsoft.com/office/drawing/2014/main" id="{663A9251-8F63-4036-9E87-C00EBA78AC04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10150487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T_419c50029c3441a582289b7345e4ffa3_Shape">
            <a:extLst>
              <a:ext uri="{FF2B5EF4-FFF2-40B4-BE49-F238E27FC236}">
                <a16:creationId xmlns:a16="http://schemas.microsoft.com/office/drawing/2014/main" id="{BE6940A2-0CE5-4B80-9678-29FEA59CDCD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231807" y="2405201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T_b3a78e578dc940fbac53089eb443b43b_Shape">
            <a:extLst>
              <a:ext uri="{FF2B5EF4-FFF2-40B4-BE49-F238E27FC236}">
                <a16:creationId xmlns:a16="http://schemas.microsoft.com/office/drawing/2014/main" id="{9CD18652-4E19-43DF-8F19-D309E85F81F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4632053" y="3279638"/>
            <a:ext cx="457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T_922a9c905252441a853c034918a25b1c_Shape">
            <a:extLst>
              <a:ext uri="{FF2B5EF4-FFF2-40B4-BE49-F238E27FC236}">
                <a16:creationId xmlns:a16="http://schemas.microsoft.com/office/drawing/2014/main" id="{30CDB8FD-09CF-42E6-9888-CD82733121B2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5914114" y="3716857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T_b1bfe6e8b83d41538e50a36b00276432_Shape">
            <a:extLst>
              <a:ext uri="{FF2B5EF4-FFF2-40B4-BE49-F238E27FC236}">
                <a16:creationId xmlns:a16="http://schemas.microsoft.com/office/drawing/2014/main" id="{34B8AC7B-A4C6-4E90-9454-AD5B10735040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941985" y="4154075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T_76a5c1252a68487fb4522c41f1227847_Shape">
            <a:extLst>
              <a:ext uri="{FF2B5EF4-FFF2-40B4-BE49-F238E27FC236}">
                <a16:creationId xmlns:a16="http://schemas.microsoft.com/office/drawing/2014/main" id="{C0E592A5-6EDA-462B-A69B-86A99DE36CC5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332177" y="4591294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T_be7cff4261844e06a1b9f5884851b609_Shape">
            <a:extLst>
              <a:ext uri="{FF2B5EF4-FFF2-40B4-BE49-F238E27FC236}">
                <a16:creationId xmlns:a16="http://schemas.microsoft.com/office/drawing/2014/main" id="{00EBFCB3-5E20-4F4F-8F68-3F1F499714CC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471531" y="5028513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T_742acef71ce14e3a81cbf1cfd2857ec1_Shape">
            <a:extLst>
              <a:ext uri="{FF2B5EF4-FFF2-40B4-BE49-F238E27FC236}">
                <a16:creationId xmlns:a16="http://schemas.microsoft.com/office/drawing/2014/main" id="{619909D7-2131-40AC-8A4C-36D8DDA9EB89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6805981" y="5465731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T_9d37466f7f5e4cd689dbf71019a28925_Shape">
            <a:extLst>
              <a:ext uri="{FF2B5EF4-FFF2-40B4-BE49-F238E27FC236}">
                <a16:creationId xmlns:a16="http://schemas.microsoft.com/office/drawing/2014/main" id="{5460FACB-7440-4038-886F-2025DB962A30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7642108" y="5902950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T_1d82752161664fef834e0d66662ce482_Shape">
            <a:extLst>
              <a:ext uri="{FF2B5EF4-FFF2-40B4-BE49-F238E27FC236}">
                <a16:creationId xmlns:a16="http://schemas.microsoft.com/office/drawing/2014/main" id="{B92C0EA1-11FB-48A0-9AFF-385982B8594E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150487" y="6510687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T_a3ba4b0c26b849729451b2563e1c56bb_Shape">
            <a:extLst>
              <a:ext uri="{FF2B5EF4-FFF2-40B4-BE49-F238E27FC236}">
                <a16:creationId xmlns:a16="http://schemas.microsoft.com/office/drawing/2014/main" id="{F05EBB29-F1CB-4B6E-A031-B27F2DED136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4241861" y="2842419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_419c50029c3441a582289b7345e4ffa3_StartDate">
            <a:extLst>
              <a:ext uri="{FF2B5EF4-FFF2-40B4-BE49-F238E27FC236}">
                <a16:creationId xmlns:a16="http://schemas.microsoft.com/office/drawing/2014/main" id="{6FE7B7A6-D5D2-4B8A-8137-54A59A9DBA1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49579" y="242928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5</a:t>
            </a:r>
          </a:p>
        </p:txBody>
      </p:sp>
      <p:sp>
        <p:nvSpPr>
          <p:cNvPr id="83" name="OTLSHAPE_T_419c50029c3441a582289b7345e4ffa3_Title">
            <a:extLst>
              <a:ext uri="{FF2B5EF4-FFF2-40B4-BE49-F238E27FC236}">
                <a16:creationId xmlns:a16="http://schemas.microsoft.com/office/drawing/2014/main" id="{C57815D5-6357-4738-992F-CDE1F57B4C2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321935" y="2151906"/>
            <a:ext cx="5651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ublication Date - Annual True-up (ATU) Informational Filing and Stakeholder Review Period begins</a:t>
            </a:r>
          </a:p>
        </p:txBody>
      </p:sp>
      <p:sp>
        <p:nvSpPr>
          <p:cNvPr id="84" name="OTLSHAPE_T_419c50029c3441a582289b7345e4ffa3_EndDate">
            <a:extLst>
              <a:ext uri="{FF2B5EF4-FFF2-40B4-BE49-F238E27FC236}">
                <a16:creationId xmlns:a16="http://schemas.microsoft.com/office/drawing/2014/main" id="{2593195F-E91D-4ED9-A84D-5AA9DE1E183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333407" y="25068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b3a78e578dc940fbac53089eb443b43b_StartDate">
            <a:extLst>
              <a:ext uri="{FF2B5EF4-FFF2-40B4-BE49-F238E27FC236}">
                <a16:creationId xmlns:a16="http://schemas.microsoft.com/office/drawing/2014/main" id="{D2356E9F-12AD-4719-9F3E-F022599B4D8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243434" y="330372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5</a:t>
            </a:r>
          </a:p>
        </p:txBody>
      </p:sp>
      <p:sp>
        <p:nvSpPr>
          <p:cNvPr id="86" name="OTLSHAPE_T_b3a78e578dc940fbac53089eb443b43b_Title">
            <a:extLst>
              <a:ext uri="{FF2B5EF4-FFF2-40B4-BE49-F238E27FC236}">
                <a16:creationId xmlns:a16="http://schemas.microsoft.com/office/drawing/2014/main" id="{454014A5-AFBB-45D9-A01B-42CA43D7E56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32053" y="3109119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takeholder Review Meeting held</a:t>
            </a:r>
          </a:p>
        </p:txBody>
      </p:sp>
      <p:sp>
        <p:nvSpPr>
          <p:cNvPr id="87" name="OTLSHAPE_T_b3a78e578dc940fbac53089eb443b43b_EndDate">
            <a:extLst>
              <a:ext uri="{FF2B5EF4-FFF2-40B4-BE49-F238E27FC236}">
                <a16:creationId xmlns:a16="http://schemas.microsoft.com/office/drawing/2014/main" id="{CF8C4877-F522-480D-A589-0147AD4A854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128768" y="330372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88" name="OTLSHAPE_T_922a9c905252441a853c034918a25b1c_StartDate">
            <a:extLst>
              <a:ext uri="{FF2B5EF4-FFF2-40B4-BE49-F238E27FC236}">
                <a16:creationId xmlns:a16="http://schemas.microsoft.com/office/drawing/2014/main" id="{BB31960F-BF5B-4F03-B9D1-8EDADE2D077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500051" y="374094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89" name="OTLSHAPE_T_922a9c905252441a853c034918a25b1c_Title">
            <a:extLst>
              <a:ext uri="{FF2B5EF4-FFF2-40B4-BE49-F238E27FC236}">
                <a16:creationId xmlns:a16="http://schemas.microsoft.com/office/drawing/2014/main" id="{73FE2ED7-F2F6-4682-8D31-081176A1933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914114" y="3546338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ue date for any changes to Annual Update</a:t>
            </a:r>
          </a:p>
        </p:txBody>
      </p:sp>
      <p:sp>
        <p:nvSpPr>
          <p:cNvPr id="90" name="OTLSHAPE_T_922a9c905252441a853c034918a25b1c_EndDate">
            <a:extLst>
              <a:ext uri="{FF2B5EF4-FFF2-40B4-BE49-F238E27FC236}">
                <a16:creationId xmlns:a16="http://schemas.microsoft.com/office/drawing/2014/main" id="{84DA73EE-7BA9-4110-ABF8-1EC050797DD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015714" y="38184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b1bfe6e8b83d41538e50a36b00276432_StartDate">
            <a:extLst>
              <a:ext uri="{FF2B5EF4-FFF2-40B4-BE49-F238E27FC236}">
                <a16:creationId xmlns:a16="http://schemas.microsoft.com/office/drawing/2014/main" id="{8249A76A-F86B-4967-A94B-559B4A8A8E7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603022" y="417816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</a:t>
            </a:r>
          </a:p>
        </p:txBody>
      </p:sp>
      <p:sp>
        <p:nvSpPr>
          <p:cNvPr id="92" name="OTLSHAPE_T_b1bfe6e8b83d41538e50a36b00276432_Title">
            <a:extLst>
              <a:ext uri="{FF2B5EF4-FFF2-40B4-BE49-F238E27FC236}">
                <a16:creationId xmlns:a16="http://schemas.microsoft.com/office/drawing/2014/main" id="{AC72301C-CF8C-4AFF-9B6C-45CAD00DA57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941985" y="3983557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 for Information Requests</a:t>
            </a:r>
          </a:p>
        </p:txBody>
      </p:sp>
      <p:sp>
        <p:nvSpPr>
          <p:cNvPr id="93" name="OTLSHAPE_T_b1bfe6e8b83d41538e50a36b00276432_EndDate">
            <a:extLst>
              <a:ext uri="{FF2B5EF4-FFF2-40B4-BE49-F238E27FC236}">
                <a16:creationId xmlns:a16="http://schemas.microsoft.com/office/drawing/2014/main" id="{ACC95672-9095-49ED-837A-8CCB78D41A8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043585" y="4255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76a5c1252a68487fb4522c41f1227847_StartDate">
            <a:extLst>
              <a:ext uri="{FF2B5EF4-FFF2-40B4-BE49-F238E27FC236}">
                <a16:creationId xmlns:a16="http://schemas.microsoft.com/office/drawing/2014/main" id="{FD790D33-97DF-41EA-8606-890780C1912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928825" y="461538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95" name="OTLSHAPE_T_76a5c1252a68487fb4522c41f1227847_Title">
            <a:extLst>
              <a:ext uri="{FF2B5EF4-FFF2-40B4-BE49-F238E27FC236}">
                <a16:creationId xmlns:a16="http://schemas.microsoft.com/office/drawing/2014/main" id="{BE78FC07-6D66-43D6-8741-804DC20877D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332177" y="4420775"/>
            <a:ext cx="490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ost changes to Annual Update, including any changes to Network Service Peak Load</a:t>
            </a:r>
          </a:p>
        </p:txBody>
      </p:sp>
      <p:sp>
        <p:nvSpPr>
          <p:cNvPr id="96" name="OTLSHAPE_T_76a5c1252a68487fb4522c41f1227847_EndDate">
            <a:extLst>
              <a:ext uri="{FF2B5EF4-FFF2-40B4-BE49-F238E27FC236}">
                <a16:creationId xmlns:a16="http://schemas.microsoft.com/office/drawing/2014/main" id="{D8B09785-05B8-4589-BB64-5DD5B58A06F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433777" y="46928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be7cff4261844e06a1b9f5884851b609_StartDate">
            <a:extLst>
              <a:ext uri="{FF2B5EF4-FFF2-40B4-BE49-F238E27FC236}">
                <a16:creationId xmlns:a16="http://schemas.microsoft.com/office/drawing/2014/main" id="{3683C564-6ED2-47D9-A8A1-09F6BB77A45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068179" y="50526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8" name="OTLSHAPE_T_be7cff4261844e06a1b9f5884851b609_Title">
            <a:extLst>
              <a:ext uri="{FF2B5EF4-FFF2-40B4-BE49-F238E27FC236}">
                <a16:creationId xmlns:a16="http://schemas.microsoft.com/office/drawing/2014/main" id="{C2ABBF4C-4875-4CDF-BAEF-26202365E56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471531" y="4857994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sponses to all Information Requests due</a:t>
            </a:r>
          </a:p>
        </p:txBody>
      </p:sp>
      <p:sp>
        <p:nvSpPr>
          <p:cNvPr id="99" name="OTLSHAPE_T_be7cff4261844e06a1b9f5884851b609_EndDate">
            <a:extLst>
              <a:ext uri="{FF2B5EF4-FFF2-40B4-BE49-F238E27FC236}">
                <a16:creationId xmlns:a16="http://schemas.microsoft.com/office/drawing/2014/main" id="{E865261B-A31E-4C58-A8A3-32E96E4A7C9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573131" y="51301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742acef71ce14e3a81cbf1cfd2857ec1_StartDate">
            <a:extLst>
              <a:ext uri="{FF2B5EF4-FFF2-40B4-BE49-F238E27FC236}">
                <a16:creationId xmlns:a16="http://schemas.microsoft.com/office/drawing/2014/main" id="{C796E7EE-B5B0-4322-8BCB-D47A32B7B5F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494028" y="548981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01" name="OTLSHAPE_T_742acef71ce14e3a81cbf1cfd2857ec1_Title">
            <a:extLst>
              <a:ext uri="{FF2B5EF4-FFF2-40B4-BE49-F238E27FC236}">
                <a16:creationId xmlns:a16="http://schemas.microsoft.com/office/drawing/2014/main" id="{113CD8A9-F236-45C2-B60C-844D25A433D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805981" y="5295213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Rates effective</a:t>
            </a:r>
          </a:p>
        </p:txBody>
      </p:sp>
      <p:sp>
        <p:nvSpPr>
          <p:cNvPr id="102" name="OTLSHAPE_T_742acef71ce14e3a81cbf1cfd2857ec1_EndDate">
            <a:extLst>
              <a:ext uri="{FF2B5EF4-FFF2-40B4-BE49-F238E27FC236}">
                <a16:creationId xmlns:a16="http://schemas.microsoft.com/office/drawing/2014/main" id="{D565B568-18B7-4E67-9D18-0DE01C662C3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907581" y="55673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9d37466f7f5e4cd689dbf71019a28925_StartDate">
            <a:extLst>
              <a:ext uri="{FF2B5EF4-FFF2-40B4-BE49-F238E27FC236}">
                <a16:creationId xmlns:a16="http://schemas.microsoft.com/office/drawing/2014/main" id="{057F4DDC-1A12-4D88-8F10-029AC2D78DA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265765" y="592703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31</a:t>
            </a:r>
          </a:p>
        </p:txBody>
      </p:sp>
      <p:sp>
        <p:nvSpPr>
          <p:cNvPr id="104" name="OTLSHAPE_T_9d37466f7f5e4cd689dbf71019a28925_Title">
            <a:extLst>
              <a:ext uri="{FF2B5EF4-FFF2-40B4-BE49-F238E27FC236}">
                <a16:creationId xmlns:a16="http://schemas.microsoft.com/office/drawing/2014/main" id="{2B89340D-3A8F-4F59-9FA1-7203AA39F04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642108" y="5732431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 for Informal Challenges</a:t>
            </a:r>
          </a:p>
        </p:txBody>
      </p:sp>
      <p:sp>
        <p:nvSpPr>
          <p:cNvPr id="105" name="OTLSHAPE_T_9d37466f7f5e4cd689dbf71019a28925_EndDate">
            <a:extLst>
              <a:ext uri="{FF2B5EF4-FFF2-40B4-BE49-F238E27FC236}">
                <a16:creationId xmlns:a16="http://schemas.microsoft.com/office/drawing/2014/main" id="{E89C6055-83F4-4634-8E15-F5F8AE1341B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743708" y="60045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1d82752161664fef834e0d66662ce482_StartDate">
            <a:extLst>
              <a:ext uri="{FF2B5EF4-FFF2-40B4-BE49-F238E27FC236}">
                <a16:creationId xmlns:a16="http://schemas.microsoft.com/office/drawing/2014/main" id="{C7A8DAA9-9246-431F-9AE4-6ED4B43409E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597601" y="6486601"/>
            <a:ext cx="502086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2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107" name="OTLSHAPE_T_1d82752161664fef834e0d66662ce482_Title">
            <a:extLst>
              <a:ext uri="{FF2B5EF4-FFF2-40B4-BE49-F238E27FC236}">
                <a16:creationId xmlns:a16="http://schemas.microsoft.com/office/drawing/2014/main" id="{E057E11D-6A79-468D-9C77-C313B676152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998314" y="6121502"/>
            <a:ext cx="119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Deadline for Formal Challenges</a:t>
            </a:r>
          </a:p>
        </p:txBody>
      </p:sp>
      <p:sp>
        <p:nvSpPr>
          <p:cNvPr id="108" name="OTLSHAPE_T_1d82752161664fef834e0d66662ce482_EndDate">
            <a:extLst>
              <a:ext uri="{FF2B5EF4-FFF2-40B4-BE49-F238E27FC236}">
                <a16:creationId xmlns:a16="http://schemas.microsoft.com/office/drawing/2014/main" id="{307A026C-ABF2-4424-9ADA-45FE31E1D03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252087" y="66122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a3ba4b0c26b849729451b2563e1c56bb_StartDate">
            <a:extLst>
              <a:ext uri="{FF2B5EF4-FFF2-40B4-BE49-F238E27FC236}">
                <a16:creationId xmlns:a16="http://schemas.microsoft.com/office/drawing/2014/main" id="{D5426583-2DE8-44C5-9AC5-6073A7433E1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917630" y="286650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10" name="OTLSHAPE_T_a3ba4b0c26b849729451b2563e1c56bb_Title">
            <a:extLst>
              <a:ext uri="{FF2B5EF4-FFF2-40B4-BE49-F238E27FC236}">
                <a16:creationId xmlns:a16="http://schemas.microsoft.com/office/drawing/2014/main" id="{C59D94CF-143B-4638-9840-555D7D9EBBF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241861" y="2671901"/>
            <a:ext cx="543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osting Date - Annual Update - Projected Annual Transmission Revenue Requirement and ATU</a:t>
            </a:r>
          </a:p>
        </p:txBody>
      </p:sp>
      <p:sp>
        <p:nvSpPr>
          <p:cNvPr id="111" name="OTLSHAPE_T_a3ba4b0c26b849729451b2563e1c56bb_EndDate">
            <a:extLst>
              <a:ext uri="{FF2B5EF4-FFF2-40B4-BE49-F238E27FC236}">
                <a16:creationId xmlns:a16="http://schemas.microsoft.com/office/drawing/2014/main" id="{598303F7-E151-4561-AF2E-087A7454A3C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343461" y="29440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8168524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1AF2928-F149-A447-804F-14A901FE9BC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>
            <a:normAutofit/>
          </a:bodyPr>
          <a:lstStyle/>
          <a:p>
            <a:pPr algn="ctr">
              <a:defRPr/>
            </a:pPr>
            <a:r>
              <a:rPr lang="en-US"/>
              <a:t>Questions</a:t>
            </a: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0682E74-679B-0941-9133-8773C7E3FCE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/>
              <a:t>Agenda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1AF2928-F149-A447-804F-14A901FE9BC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>
            <a:normAutofit/>
          </a:bodyPr>
          <a:lstStyle/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2024 Annual True-Up (ATU)</a:t>
            </a:r>
          </a:p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Corrections to the 2023 and 2024 Actual Annual Transmission Revenue Requirement (ATRR)</a:t>
            </a:r>
          </a:p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2026 Projected ATRR</a:t>
            </a:r>
          </a:p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Transmission Plant Additions Exceeding $5 million</a:t>
            </a:r>
          </a:p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Stakeholder Review Process Timeline</a:t>
            </a:r>
          </a:p>
          <a:p>
            <a:pPr>
              <a:defRPr/>
            </a:pPr>
            <a:endParaRPr lang="en-US" sz="2800" dirty="0"/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lowchart: Document 11">
            <a:extLst>
              <a:ext uri="{FF2B5EF4-FFF2-40B4-BE49-F238E27FC236}">
                <a16:creationId xmlns:a16="http://schemas.microsoft.com/office/drawing/2014/main" id="{D12DDE76-C203-4047-9998-63900085B5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714C0A4-566C-46CA-BE41-2881D18780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200" b="1" kern="12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2024 Actual ATRR Versus 2024 Projected ATRR - $ in Millions</a:t>
            </a:r>
          </a:p>
        </p:txBody>
      </p:sp>
      <p:pic>
        <p:nvPicPr>
          <p:cNvPr id="6" name="Picture 3">
            <a:extLst>
              <a:ext uri="{FF2B5EF4-FFF2-40B4-BE49-F238E27FC236}">
                <a16:creationId xmlns:a16="http://schemas.microsoft.com/office/drawing/2014/main" id="{76BE7F27-6BFA-4116-961B-BF129681C63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094621" y="71361"/>
            <a:ext cx="1599654" cy="3508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5AFFDF90-FF88-2217-F09F-D320A5FCCA6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73616" y="625642"/>
            <a:ext cx="7420659" cy="5958038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DF1B77-4F8E-9E53-FA7B-98FFAA4965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3</a:t>
            </a:fld>
            <a:endParaRPr lang="en-US"/>
          </a:p>
        </p:txBody>
      </p:sp>
      <p:pic>
        <p:nvPicPr>
          <p:cNvPr id="5" name="Picture 3">
            <a:extLst>
              <a:ext uri="{FF2B5EF4-FFF2-40B4-BE49-F238E27FC236}">
                <a16:creationId xmlns:a16="http://schemas.microsoft.com/office/drawing/2014/main" id="{28B6EA47-BDAF-5EB5-5298-912FE6CA825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094621" y="98881"/>
            <a:ext cx="1599654" cy="3508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303868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1E8423-65CB-AC3B-F6C2-197172E4E8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Corrections to 2023 and 2024 Actual ATRRs</a:t>
            </a:r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756E9222-0A71-5E70-9DEB-5657F241905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372194182"/>
              </p:ext>
            </p:extLst>
          </p:nvPr>
        </p:nvGraphicFramePr>
        <p:xfrm>
          <a:off x="838200" y="1838631"/>
          <a:ext cx="10515600" cy="433833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3413A6E-B710-20E3-299C-1BFAF229FF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4</a:t>
            </a:fld>
            <a:endParaRPr lang="en-US"/>
          </a:p>
        </p:txBody>
      </p:sp>
      <p:pic>
        <p:nvPicPr>
          <p:cNvPr id="3" name="Picture 3">
            <a:extLst>
              <a:ext uri="{FF2B5EF4-FFF2-40B4-BE49-F238E27FC236}">
                <a16:creationId xmlns:a16="http://schemas.microsoft.com/office/drawing/2014/main" id="{4BBC6DAC-FD41-ED1D-3450-655495CC5999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461523" y="85190"/>
            <a:ext cx="1445342" cy="3205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3215053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04C5B123-5960-81C8-69DD-94CC3F9A36A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lowchart: Document 10">
            <a:extLst>
              <a:ext uri="{FF2B5EF4-FFF2-40B4-BE49-F238E27FC236}">
                <a16:creationId xmlns:a16="http://schemas.microsoft.com/office/drawing/2014/main" id="{46727EA8-EFC4-19B8-C9EE-4C97F01A952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D7286C7-0481-F04C-AC39-BA398B0F85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200" kern="12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Corrections to 2023 Actual ATRR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5F6328F-C382-C72D-C2E7-0A3C7420E8E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86224" y="766917"/>
            <a:ext cx="8017541" cy="5470254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009E664-9D72-8F54-14AA-FF55387D94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5</a:t>
            </a:fld>
            <a:endParaRPr lang="en-US"/>
          </a:p>
        </p:txBody>
      </p:sp>
      <p:pic>
        <p:nvPicPr>
          <p:cNvPr id="5" name="Picture 3">
            <a:extLst>
              <a:ext uri="{FF2B5EF4-FFF2-40B4-BE49-F238E27FC236}">
                <a16:creationId xmlns:a16="http://schemas.microsoft.com/office/drawing/2014/main" id="{516544D4-EA07-2F7E-840B-4D56B239AFB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392697" y="85190"/>
            <a:ext cx="1592826" cy="3205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7819239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lowchart: Document 10">
            <a:extLst>
              <a:ext uri="{FF2B5EF4-FFF2-40B4-BE49-F238E27FC236}">
                <a16:creationId xmlns:a16="http://schemas.microsoft.com/office/drawing/2014/main" id="{D12DDE76-C203-4047-9998-63900085B5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01E8423-65CB-AC3B-F6C2-197172E4E8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200" kern="12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Corrections to 2024 Actual ATRR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C836219-A273-C7A5-8CE2-EE71A48B73A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44740" y="835741"/>
            <a:ext cx="7274825" cy="5545807"/>
          </a:xfrm>
          <a:prstGeom prst="rect">
            <a:avLst/>
          </a:prstGeom>
        </p:spPr>
      </p:pic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ABB9876-3BDF-7F9E-5960-C8F8C69675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6</a:t>
            </a:fld>
            <a:endParaRPr lang="en-US"/>
          </a:p>
        </p:txBody>
      </p:sp>
      <p:pic>
        <p:nvPicPr>
          <p:cNvPr id="3" name="Picture 3">
            <a:extLst>
              <a:ext uri="{FF2B5EF4-FFF2-40B4-BE49-F238E27FC236}">
                <a16:creationId xmlns:a16="http://schemas.microsoft.com/office/drawing/2014/main" id="{218E1E5B-EB63-D6FD-DD2F-846E3FA5246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092641" y="85190"/>
            <a:ext cx="1461184" cy="3205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5014306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lowchart: Document 11">
            <a:extLst>
              <a:ext uri="{FF2B5EF4-FFF2-40B4-BE49-F238E27FC236}">
                <a16:creationId xmlns:a16="http://schemas.microsoft.com/office/drawing/2014/main" id="{D12DDE76-C203-4047-9998-63900085B5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714C0A4-566C-46CA-BE41-2881D18780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200" b="1" kern="12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2026 Projected ATRR Compared to 2025 Projected ATRR - $ in Millions</a:t>
            </a:r>
          </a:p>
        </p:txBody>
      </p:sp>
      <p:pic>
        <p:nvPicPr>
          <p:cNvPr id="5" name="Picture 3">
            <a:extLst>
              <a:ext uri="{FF2B5EF4-FFF2-40B4-BE49-F238E27FC236}">
                <a16:creationId xmlns:a16="http://schemas.microsoft.com/office/drawing/2014/main" id="{5D3E7C4A-D89B-40F4-BBB3-ED0C5F96D62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092641" y="85190"/>
            <a:ext cx="1461184" cy="3205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C0222AD1-0E90-30EF-1C5E-C9B01A31D62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89119" y="519765"/>
            <a:ext cx="7353702" cy="6092792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41537E-7EE8-9AD6-E2B9-B162D5CC1B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20848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D1F1B9E-A8A0-946B-B9EC-544BA47F094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38D40EF3-B83B-7898-0DC7-E857B1100D5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65837" y="419255"/>
            <a:ext cx="10484196" cy="1077218"/>
          </a:xfrm>
        </p:spPr>
        <p:txBody>
          <a:bodyPr/>
          <a:lstStyle/>
          <a:p>
            <a:r>
              <a:rPr lang="en-US" sz="3200" dirty="0"/>
              <a:t>Transmission Operating Property Additions in 2025 and 2026 (Actual and Projected) Exceeding $5 Million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394A7BB4-CF4D-E01A-10FA-42A485E3636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33173367"/>
              </p:ext>
            </p:extLst>
          </p:nvPr>
        </p:nvGraphicFramePr>
        <p:xfrm>
          <a:off x="1063869" y="1825627"/>
          <a:ext cx="9786164" cy="4236547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4044797">
                  <a:extLst>
                    <a:ext uri="{9D8B030D-6E8A-4147-A177-3AD203B41FA5}">
                      <a16:colId xmlns:a16="http://schemas.microsoft.com/office/drawing/2014/main" val="382459406"/>
                    </a:ext>
                  </a:extLst>
                </a:gridCol>
                <a:gridCol w="1438150">
                  <a:extLst>
                    <a:ext uri="{9D8B030D-6E8A-4147-A177-3AD203B41FA5}">
                      <a16:colId xmlns:a16="http://schemas.microsoft.com/office/drawing/2014/main" val="1142280569"/>
                    </a:ext>
                  </a:extLst>
                </a:gridCol>
                <a:gridCol w="2415643">
                  <a:extLst>
                    <a:ext uri="{9D8B030D-6E8A-4147-A177-3AD203B41FA5}">
                      <a16:colId xmlns:a16="http://schemas.microsoft.com/office/drawing/2014/main" val="3515682875"/>
                    </a:ext>
                  </a:extLst>
                </a:gridCol>
                <a:gridCol w="1887574">
                  <a:extLst>
                    <a:ext uri="{9D8B030D-6E8A-4147-A177-3AD203B41FA5}">
                      <a16:colId xmlns:a16="http://schemas.microsoft.com/office/drawing/2014/main" val="2358155749"/>
                    </a:ext>
                  </a:extLst>
                </a:gridCol>
              </a:tblGrid>
              <a:tr h="199636"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200" u="none" strike="noStrike">
                          <a:effectLst/>
                        </a:rPr>
                        <a:t>Project Name</a:t>
                      </a:r>
                      <a:endParaRPr lang="en-US" sz="12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200" u="none" strike="noStrike">
                          <a:effectLst/>
                        </a:rPr>
                        <a:t>Investment</a:t>
                      </a:r>
                      <a:endParaRPr lang="en-US" sz="12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200" u="none" strike="noStrike">
                          <a:effectLst/>
                        </a:rPr>
                        <a:t>Construction Start</a:t>
                      </a:r>
                      <a:endParaRPr lang="en-US" sz="12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200" u="none" strike="noStrike">
                          <a:effectLst/>
                        </a:rPr>
                        <a:t>In-Service</a:t>
                      </a:r>
                      <a:endParaRPr lang="en-US" sz="12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3720347295"/>
                  </a:ext>
                </a:extLst>
              </a:tr>
              <a:tr h="34223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Amsterdam to West Moulton (TUSDY.01.05.0034)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$21.4 M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6/1/202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rtl="0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2/31/202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2188980688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rtl="0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814253716"/>
                  </a:ext>
                </a:extLst>
              </a:tr>
              <a:tr h="273786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Celina-Coldwater-Rockford (TUSDY.01.05.0123)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$6.0 M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/1/202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rtl="0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2/31/202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2425922750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rtl="0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2158790911"/>
                  </a:ext>
                </a:extLst>
              </a:tr>
              <a:tr h="279489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Amsterdam Area Improvements (TUSDY.01.05.0047)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$9.1 M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/1/202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rtl="0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2/31/202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1369253631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rtl="0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3661352727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New Celina Station (TUSDY.01.05)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$9.8 M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/1/202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rtl="0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2/31/202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4079532206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rtl="0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1587281660"/>
                  </a:ext>
                </a:extLst>
              </a:tr>
              <a:tr h="285194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Russels Point: Blue Jacket - Honda TUSDY.01.0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$12.9 M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0/7/202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/16/2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758937333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2416718300"/>
                  </a:ext>
                </a:extLst>
              </a:tr>
              <a:tr h="285194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Russels Point: Blue Jacket Substation TUSDY.01.0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$5.6 M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6/8/202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/16/2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1400112661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4222110312"/>
                  </a:ext>
                </a:extLst>
              </a:tr>
              <a:tr h="285194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(10) Spare Transmission Substation Transformers TUSDY.01.0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$31.7 M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4/30/2024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/30/202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672508732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2685847362"/>
                  </a:ext>
                </a:extLst>
              </a:tr>
              <a:tr h="285194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fr-FR" sz="900" u="none" strike="noStrike">
                          <a:effectLst/>
                        </a:rPr>
                        <a:t>Madison Improvements: Cedarville Sub TUSDY.01.05</a:t>
                      </a:r>
                      <a:endParaRPr lang="fr-FR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$6.6 M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1/15/202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1/30/202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189880633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3652625098"/>
                  </a:ext>
                </a:extLst>
              </a:tr>
              <a:tr h="285194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Project Hi-Light - Component 4 TUSDY.01.0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$10.7 M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3/1/202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3/31/202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1847022215"/>
                  </a:ext>
                </a:extLst>
              </a:tr>
              <a:tr h="14259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1739839904"/>
                  </a:ext>
                </a:extLst>
              </a:tr>
              <a:tr h="285194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Project Hi-Light - Component 6 TUSDY.01.0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 dirty="0">
                          <a:effectLst/>
                        </a:rPr>
                        <a:t>$7.0 M</a:t>
                      </a:r>
                      <a:endParaRPr lang="en-US" sz="9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>
                          <a:effectLst/>
                        </a:rPr>
                        <a:t>3/1/2024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900" u="none" strike="noStrike" dirty="0">
                          <a:effectLst/>
                        </a:rPr>
                        <a:t>3/31/2026</a:t>
                      </a:r>
                      <a:endParaRPr lang="en-US" sz="9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864" marR="5864" marT="5864" marB="0" anchor="b"/>
                </a:tc>
                <a:extLst>
                  <a:ext uri="{0D108BD9-81ED-4DB2-BD59-A6C34878D82A}">
                    <a16:rowId xmlns:a16="http://schemas.microsoft.com/office/drawing/2014/main" val="328135013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5411084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93A8FC5-5357-0330-A97F-3723D286F6E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3AF74B-21FB-DD43-4ACA-4774720D6C2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65837" y="419255"/>
            <a:ext cx="10484196" cy="1077218"/>
          </a:xfrm>
        </p:spPr>
        <p:txBody>
          <a:bodyPr/>
          <a:lstStyle/>
          <a:p>
            <a:r>
              <a:rPr lang="en-US" sz="3200" dirty="0"/>
              <a:t>Transmission Operating Property Additions in 2025 and 2026 (Actual and Projected) Exceeding $5 Million (cont’d)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25DB3929-D295-6D65-C580-655988431F7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81438087"/>
              </p:ext>
            </p:extLst>
          </p:nvPr>
        </p:nvGraphicFramePr>
        <p:xfrm>
          <a:off x="1063868" y="1686224"/>
          <a:ext cx="9917723" cy="466182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4061866">
                  <a:extLst>
                    <a:ext uri="{9D8B030D-6E8A-4147-A177-3AD203B41FA5}">
                      <a16:colId xmlns:a16="http://schemas.microsoft.com/office/drawing/2014/main" val="1817560297"/>
                    </a:ext>
                  </a:extLst>
                </a:gridCol>
                <a:gridCol w="1534484">
                  <a:extLst>
                    <a:ext uri="{9D8B030D-6E8A-4147-A177-3AD203B41FA5}">
                      <a16:colId xmlns:a16="http://schemas.microsoft.com/office/drawing/2014/main" val="300296868"/>
                    </a:ext>
                  </a:extLst>
                </a:gridCol>
                <a:gridCol w="2425836">
                  <a:extLst>
                    <a:ext uri="{9D8B030D-6E8A-4147-A177-3AD203B41FA5}">
                      <a16:colId xmlns:a16="http://schemas.microsoft.com/office/drawing/2014/main" val="2434306945"/>
                    </a:ext>
                  </a:extLst>
                </a:gridCol>
                <a:gridCol w="1895537">
                  <a:extLst>
                    <a:ext uri="{9D8B030D-6E8A-4147-A177-3AD203B41FA5}">
                      <a16:colId xmlns:a16="http://schemas.microsoft.com/office/drawing/2014/main" val="3508227024"/>
                    </a:ext>
                  </a:extLst>
                </a:gridCol>
              </a:tblGrid>
              <a:tr h="193681"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100" u="none" strike="noStrike">
                          <a:effectLst/>
                        </a:rPr>
                        <a:t>Project Name</a:t>
                      </a:r>
                      <a:endParaRPr lang="en-US" sz="11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100" u="none" strike="noStrike">
                          <a:effectLst/>
                        </a:rPr>
                        <a:t>Investment</a:t>
                      </a:r>
                      <a:endParaRPr lang="en-US" sz="11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100" u="none" strike="noStrike">
                          <a:effectLst/>
                        </a:rPr>
                        <a:t>Construction Start</a:t>
                      </a:r>
                      <a:endParaRPr lang="en-US" sz="11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100" u="none" strike="noStrike">
                          <a:effectLst/>
                        </a:rPr>
                        <a:t>In-Service</a:t>
                      </a:r>
                      <a:endParaRPr lang="en-US" sz="11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4080618932"/>
                  </a:ext>
                </a:extLst>
              </a:tr>
              <a:tr h="185042"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FFFFFF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1261964115"/>
                  </a:ext>
                </a:extLst>
              </a:tr>
              <a:tr h="265619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Marysville Substation Baseline Upgrades TUSDY.01.0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5.2 M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4/9/2024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4/7/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4062327264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3327164006"/>
                  </a:ext>
                </a:extLst>
              </a:tr>
              <a:tr h="27668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Amsterdam Area Improvements (Amsterdam-St. Marys) TUSDY.01.0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 $5.7 M 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12/7/2021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5/29/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3743162885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3417388498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Fayette to Madison TUSDY.01.0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5.3 M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8/4/202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5/29/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3716732658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3375221726"/>
                  </a:ext>
                </a:extLst>
              </a:tr>
              <a:tr h="193681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fr-FR" sz="800" u="none" strike="noStrike">
                          <a:effectLst/>
                        </a:rPr>
                        <a:t>Roberts DP: 6628 Double Circuit TUSDY.01.05</a:t>
                      </a:r>
                      <a:endParaRPr lang="fr-FR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6 M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6/2/202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6/30/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2052696359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2323153898"/>
                  </a:ext>
                </a:extLst>
              </a:tr>
              <a:tr h="21028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Fayette Sub Expansion TUSDY.01.19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15.5 M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10/1/2024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9/1/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1156354477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4209838323"/>
                  </a:ext>
                </a:extLst>
              </a:tr>
              <a:tr h="27668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 dirty="0">
                          <a:effectLst/>
                        </a:rPr>
                        <a:t>Highland: Urbana Sub 138kV New Level 1 to be created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17.2 M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10/1/202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 dirty="0">
                          <a:effectLst/>
                        </a:rPr>
                        <a:t>10/31/2006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1826830577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2646103888"/>
                  </a:ext>
                </a:extLst>
              </a:tr>
              <a:tr h="304355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Amsterdam Area Improvements:(Amsterdam to West Moulton) TUSDY.01.0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21.6 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12/7/2021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12/31/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3358628020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2410499074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Madison Improvements: Octa Sub TUSDY.01.0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7.6 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10/4/2021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12/31/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2577720463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3942555961"/>
                  </a:ext>
                </a:extLst>
              </a:tr>
              <a:tr h="27668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Madison Improvements: New Jasper Sub TUSDY.01.0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7.3 M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10/4/2021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12/31/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3023845957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947572300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Relay Replacements TUSDY.01.0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9.4 M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Annually as needed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1513787194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1858989837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Transmission Tower Coating TUSDY.01.12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7.0 M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5/31/2025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1836831005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1789220510"/>
                  </a:ext>
                </a:extLst>
              </a:tr>
              <a:tr h="265619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Ohio Real Estate – Transmission Easement Acquisition TUSDY.01.22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$5.0 M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Annually as needed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2026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4082756317"/>
                  </a:ext>
                </a:extLst>
              </a:tr>
              <a:tr h="138343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800" u="none" strike="noStrike" dirty="0">
                          <a:effectLst/>
                        </a:rPr>
                        <a:t> 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5168" marR="5168" marT="5168" marB="0" anchor="b"/>
                </a:tc>
                <a:extLst>
                  <a:ext uri="{0D108BD9-81ED-4DB2-BD59-A6C34878D82A}">
                    <a16:rowId xmlns:a16="http://schemas.microsoft.com/office/drawing/2014/main" val="405305280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452511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ENDDATE" val="2022-05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LeafTimeband"/>
  <p:tag name="OTLTIMEBANDSHAPEHEIGHT" val="3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15T00:00:00.0000000Z"/>
  <p:tag name="OTLENDDATE" val="2021-06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0-15T00:00:00.0000000Z"/>
  <p:tag name="OTLENDDATE" val="2021-10-3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1-30T00:00:00.0000000Z"/>
  <p:tag name="OTLENDDATE" val="2021-11-3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2-01T00:00:00.0000000Z"/>
  <p:tag name="OTLENDDATE" val="2021-12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2-15T00:00:00.0000000Z"/>
  <p:tag name="OTLENDDATE" val="2021-12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2-20T00:00:00.0000000Z"/>
  <p:tag name="OTLENDDATE" val="2021-12-2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1T00:00:00.0000000Z"/>
  <p:tag name="OTLENDDATE" val="2022-01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1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5-01T00:00:00.0000000Z"/>
  <p:tag name="OTLENDDATE" val="2022-05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0-01T00:00:00.0000000Z"/>
  <p:tag name="OTLENDDATE" val="2021-10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0968F33918A864586453495507E48EC" ma:contentTypeVersion="8" ma:contentTypeDescription="Create a new document." ma:contentTypeScope="" ma:versionID="9bce969b80be0e7452bf860544d7a586">
  <xsd:schema xmlns:xsd="http://www.w3.org/2001/XMLSchema" xmlns:xs="http://www.w3.org/2001/XMLSchema" xmlns:p="http://schemas.microsoft.com/office/2006/metadata/properties" xmlns:ns2="105a3813-a66c-4ab3-a28a-39e52728d7ee" xmlns:ns3="2ebaaeb8-4f79-42c6-8194-1050aaa831e5" targetNamespace="http://schemas.microsoft.com/office/2006/metadata/properties" ma:root="true" ma:fieldsID="f3b890a301364e6d96ad59931ecd31b3" ns2:_="" ns3:_="">
    <xsd:import namespace="105a3813-a66c-4ab3-a28a-39e52728d7ee"/>
    <xsd:import namespace="2ebaaeb8-4f79-42c6-8194-1050aaa831e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05a3813-a66c-4ab3-a28a-39e52728d7e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ObjectDetectorVersions" ma:index="1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5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ebaaeb8-4f79-42c6-8194-1050aaa831e5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B41ADD2-6225-40F2-BC25-B5C8B54E4647}"/>
</file>

<file path=customXml/itemProps2.xml><?xml version="1.0" encoding="utf-8"?>
<ds:datastoreItem xmlns:ds="http://schemas.openxmlformats.org/officeDocument/2006/customXml" ds:itemID="{C82A40D1-5DCB-4903-A884-EFD3758758C0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3.xml><?xml version="1.0" encoding="utf-8"?>
<ds:datastoreItem xmlns:ds="http://schemas.openxmlformats.org/officeDocument/2006/customXml" ds:itemID="{2A56FDB7-5D31-4F3C-8612-DC657E38CD69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252</TotalTime>
  <Words>724</Words>
  <Application>Microsoft Office PowerPoint</Application>
  <PresentationFormat>Widescreen</PresentationFormat>
  <Paragraphs>256</Paragraphs>
  <Slides>11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1</vt:i4>
      </vt:variant>
    </vt:vector>
  </HeadingPairs>
  <TitlesOfParts>
    <vt:vector size="20" baseType="lpstr">
      <vt:lpstr>ＭＳ Ｐゴシック</vt:lpstr>
      <vt:lpstr>Aptos Narrow</vt:lpstr>
      <vt:lpstr>Arial</vt:lpstr>
      <vt:lpstr>Calibri</vt:lpstr>
      <vt:lpstr>Calibri Light</vt:lpstr>
      <vt:lpstr>System Font Regular</vt:lpstr>
      <vt:lpstr>Office Theme</vt:lpstr>
      <vt:lpstr>1_Custom Design</vt:lpstr>
      <vt:lpstr>Custom Design</vt:lpstr>
      <vt:lpstr>Cover option </vt:lpstr>
      <vt:lpstr>Agenda</vt:lpstr>
      <vt:lpstr>2024 Actual ATRR Versus 2024 Projected ATRR - $ in Millions</vt:lpstr>
      <vt:lpstr>Corrections to 2023 and 2024 Actual ATRRs</vt:lpstr>
      <vt:lpstr>Corrections to 2023 Actual ATRRs</vt:lpstr>
      <vt:lpstr>Corrections to 2024 Actual ATRRs</vt:lpstr>
      <vt:lpstr>2026 Projected ATRR Compared to 2025 Projected ATRR - $ in Millions</vt:lpstr>
      <vt:lpstr>Transmission Operating Property Additions in 2025 and 2026 (Actual and Projected) Exceeding $5 Million</vt:lpstr>
      <vt:lpstr>Transmission Operating Property Additions in 2025 and 2026 (Actual and Projected) Exceeding $5 Million (cont’d)</vt:lpstr>
      <vt:lpstr>The Dayton Power and Light Company Annual Transmission Formula Rate Process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Dayton Power and Light Company</dc:title>
  <dc:creator>Paul Dumais</dc:creator>
  <cp:lastModifiedBy>Pamela Archer</cp:lastModifiedBy>
  <cp:revision>9</cp:revision>
  <dcterms:created xsi:type="dcterms:W3CDTF">2021-09-30T00:43:52Z</dcterms:created>
  <dcterms:modified xsi:type="dcterms:W3CDTF">2025-09-24T18:43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0968F33918A864586453495507E48EC</vt:lpwstr>
  </property>
</Properties>
</file>